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GIF" ContentType="image/gif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omments1.xml" ContentType="application/vnd.openxmlformats-officedocument.spreadsheetml.comments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fabio.cavalleri\Desktop\UNV 22\"/>
    </mc:Choice>
  </mc:AlternateContent>
  <bookViews>
    <workbookView xWindow="0" yWindow="0" windowWidth="20490" windowHeight="7560" tabRatio="835"/>
  </bookViews>
  <sheets>
    <sheet name="LEGENDA" sheetId="92" r:id="rId1"/>
    <sheet name="HD" sheetId="97" r:id="rId2"/>
    <sheet name="IPC" sheetId="66" r:id="rId3"/>
    <sheet name="PTZ" sheetId="68" r:id="rId4"/>
    <sheet name="NVR" sheetId="87" r:id="rId5"/>
    <sheet name="XVR" sheetId="78" r:id="rId6"/>
    <sheet name="NVR KIT" sheetId="91" r:id="rId7"/>
    <sheet name="VMS" sheetId="88" r:id="rId8"/>
    <sheet name="Accessori" sheetId="89" r:id="rId9"/>
    <sheet name="Network" sheetId="93" r:id="rId10"/>
    <sheet name="Controllo Accessi" sheetId="94" r:id="rId11"/>
    <sheet name="Condizioni di Vendita" sheetId="98" r:id="rId12"/>
    <sheet name="Accessory" sheetId="15" state="hidden" r:id="rId13"/>
    <sheet name="!PTZ Dome" sheetId="7" state="hidden" r:id="rId14"/>
  </sheets>
  <definedNames>
    <definedName name="_xlnm._FilterDatabase" localSheetId="1" hidden="1">HD!$A$1:$O$1</definedName>
    <definedName name="_xlnm._FilterDatabase" localSheetId="2" hidden="1">IPC!$A$1:$R$267</definedName>
    <definedName name="_xlnm._FilterDatabase" localSheetId="9" hidden="1">Network!$A$1:$K$11</definedName>
    <definedName name="_xlnm._FilterDatabase" localSheetId="4" hidden="1">NVR!$A$1:$O$75</definedName>
    <definedName name="_xlnm._FilterDatabase" localSheetId="6" hidden="1">'NVR KIT'!$A$1:$F$11</definedName>
    <definedName name="_xlnm._FilterDatabase" localSheetId="3" hidden="1">PTZ!$A$1:$R$49</definedName>
    <definedName name="_xlnm._FilterDatabase" localSheetId="7" hidden="1">VMS!$A$1:$F$37</definedName>
    <definedName name="_xlnm._FilterDatabase" localSheetId="5" hidden="1">XVR!$A$1:$N$10</definedName>
    <definedName name="Display" localSheetId="10">#REF!</definedName>
    <definedName name="Display">#REF!</definedName>
    <definedName name="output" localSheetId="8">#REF!</definedName>
    <definedName name="output" localSheetId="10">#REF!</definedName>
    <definedName name="output" localSheetId="2">IPC!$B:$B</definedName>
    <definedName name="output" localSheetId="9">#REF!</definedName>
    <definedName name="output" localSheetId="4">#REF!</definedName>
    <definedName name="output" localSheetId="6">#REF!</definedName>
    <definedName name="output" localSheetId="5">#REF!</definedName>
    <definedName name="output">#REF!</definedName>
  </definedNames>
  <calcPr calcId="152511"/>
  <fileRecoveryPr autoRecover="0"/>
</workbook>
</file>

<file path=xl/comments1.xml><?xml version="1.0" encoding="utf-8"?>
<comments xmlns="http://schemas.openxmlformats.org/spreadsheetml/2006/main">
  <authors>
    <author>fanwei</author>
  </authors>
  <commentList>
    <comment ref="N55" authorId="0" shapeId="0">
      <text>
        <r>
          <rPr>
            <b/>
            <sz val="9"/>
            <color indexed="81"/>
            <rFont val="宋体"/>
            <family val="3"/>
            <charset val="134"/>
          </rPr>
          <t>fanwei:</t>
        </r>
        <r>
          <rPr>
            <sz val="9"/>
            <color indexed="81"/>
            <rFont val="宋体"/>
            <family val="3"/>
            <charset val="134"/>
          </rPr>
          <t xml:space="preserve">
非标准Bom，需改定制</t>
        </r>
      </text>
    </comment>
  </commentList>
</comments>
</file>

<file path=xl/sharedStrings.xml><?xml version="1.0" encoding="utf-8"?>
<sst xmlns="http://schemas.openxmlformats.org/spreadsheetml/2006/main" count="6340" uniqueCount="2014">
  <si>
    <t>Model Name</t>
  </si>
  <si>
    <t>PoE</t>
  </si>
  <si>
    <t>(Micro)SD 
Slot</t>
  </si>
  <si>
    <t>Corridor 
Mode</t>
  </si>
  <si>
    <t>Features</t>
  </si>
  <si>
    <t>Description</t>
  </si>
  <si>
    <t>UNV BOM</t>
  </si>
  <si>
    <t>Easy</t>
  </si>
  <si>
    <t>2MP</t>
  </si>
  <si>
    <t>Ultra 265</t>
  </si>
  <si>
    <t>4.0mm, Fixed</t>
  </si>
  <si>
    <t>X</t>
  </si>
  <si>
    <t>√</t>
  </si>
  <si>
    <t>DWDR,IP67, HLC</t>
  </si>
  <si>
    <t>2.8mm, Fixed</t>
  </si>
  <si>
    <t>6.0mm, Fixed</t>
  </si>
  <si>
    <t>IPC2122LR3-PF60M-D</t>
  </si>
  <si>
    <t>0235C32U</t>
  </si>
  <si>
    <t>4MP</t>
  </si>
  <si>
    <t>0235C32W</t>
  </si>
  <si>
    <t>5MP</t>
  </si>
  <si>
    <t>8MP</t>
  </si>
  <si>
    <t>120dB WDR,IP67, HLC</t>
  </si>
  <si>
    <t>0235C3K3</t>
  </si>
  <si>
    <t>IPC2128LR3-DPF40M-F</t>
  </si>
  <si>
    <t>0235C3K2</t>
  </si>
  <si>
    <t>DWDR,  IP67&amp;IK10, HLC, car-grade LED</t>
  </si>
  <si>
    <t>IPC322LR3-VSPF40-D</t>
  </si>
  <si>
    <t>0235C33Y</t>
  </si>
  <si>
    <t>0235C340</t>
  </si>
  <si>
    <t>0235C35R</t>
  </si>
  <si>
    <t>IPC325LR3-VSPF40-D</t>
  </si>
  <si>
    <t>0235C35S</t>
  </si>
  <si>
    <t>IPC328LR3-DVSPF28-F</t>
  </si>
  <si>
    <t>0235C3EC</t>
  </si>
  <si>
    <t>IPC328LR3-DVSPF40-F</t>
  </si>
  <si>
    <t>0235C3ED</t>
  </si>
  <si>
    <t>IPC3612LR3-PF40-D</t>
  </si>
  <si>
    <t>0235C343</t>
  </si>
  <si>
    <t>IPC3615LR3-PF28-D</t>
  </si>
  <si>
    <t>0235C35M</t>
  </si>
  <si>
    <t>0235C35N</t>
  </si>
  <si>
    <t>IPC3618LR3-DPF28-F</t>
  </si>
  <si>
    <t>0235C3EA</t>
  </si>
  <si>
    <t>IPC3618LR3-DPF40-F</t>
  </si>
  <si>
    <t>0235C3EB</t>
  </si>
  <si>
    <t>2.8-12mm, Manual</t>
  </si>
  <si>
    <t>0235C356</t>
  </si>
  <si>
    <t>2.8-12mm, Motorized</t>
  </si>
  <si>
    <t>IPC2324LBR3-SP-D</t>
  </si>
  <si>
    <t>1/3" CMOS, ICR, 2592x1520:20fps, Ultra 265/H.264/MJPEG, Triple stream,DWDR,  DC12V &amp; PoE, IP67,2.8-12mm,  Manual,IR range: up to 30m.  Bulit-in bracket.</t>
  </si>
  <si>
    <t>0235C358</t>
  </si>
  <si>
    <t>1/3" CMOS, ICR, 2592x1520:20fps, Ultra 265/H.264/MJPEG, Triple stream,DWDR,  DC12V &amp; PoE, IP67,2.8-12mm, Motorized, IR range: up to 30m.  Bulit-in bracket.</t>
  </si>
  <si>
    <t>0235C359</t>
  </si>
  <si>
    <t>IPC2325LBR3-SP-D</t>
  </si>
  <si>
    <t>0235C3AB</t>
  </si>
  <si>
    <t>IPC2325LBR3-SPZ28-D</t>
  </si>
  <si>
    <t>0235C3AC</t>
  </si>
  <si>
    <t>DWDR,IP67,IK10, HLC</t>
  </si>
  <si>
    <t>0235C351</t>
  </si>
  <si>
    <t>IPC3232LR3-VSPZ28-D</t>
  </si>
  <si>
    <t>0235C352</t>
  </si>
  <si>
    <t>IPC3235LR3-VSP-D</t>
  </si>
  <si>
    <t>0235C3AH</t>
  </si>
  <si>
    <t>IPC3235LR3-VSPZ28-D</t>
  </si>
  <si>
    <t>0235C3AJ</t>
  </si>
  <si>
    <t>22X</t>
  </si>
  <si>
    <t>N/A</t>
  </si>
  <si>
    <t>1/1</t>
  </si>
  <si>
    <t>33X</t>
  </si>
  <si>
    <t>2/1</t>
  </si>
  <si>
    <t>20X</t>
  </si>
  <si>
    <t>120dB WDR, IP66, 20X optical zoom, HLC, 
Smart functions, EIS</t>
  </si>
  <si>
    <t>0235C2EG</t>
  </si>
  <si>
    <t>0235C2EJ</t>
  </si>
  <si>
    <t>30X</t>
  </si>
  <si>
    <t>120dB WDR, IP66, 30X optical zoom, HLC, 
Smart functions, EIS</t>
  </si>
  <si>
    <t>0235C2ES</t>
  </si>
  <si>
    <t>0235CSTQ</t>
  </si>
  <si>
    <t>38X</t>
  </si>
  <si>
    <t>0235C2W8</t>
  </si>
  <si>
    <t>0235C2HN</t>
  </si>
  <si>
    <t>3MP</t>
  </si>
  <si>
    <t>0235C24B</t>
  </si>
  <si>
    <t>Appearance</t>
  </si>
  <si>
    <t>4/1</t>
  </si>
  <si>
    <t>1U</t>
  </si>
  <si>
    <t>0235C3G0</t>
  </si>
  <si>
    <t>0235C3H3</t>
  </si>
  <si>
    <t>0235C3G3</t>
  </si>
  <si>
    <t>0235C3G4</t>
  </si>
  <si>
    <t>IPC640 5'' PTZ Dome Camera</t>
  </si>
  <si>
    <t>Standard series</t>
  </si>
  <si>
    <t>IPC641L-X22-IN</t>
  </si>
  <si>
    <t>1.3MP</t>
  </si>
  <si>
    <r>
      <rPr>
        <b/>
        <sz val="10"/>
        <color indexed="55"/>
        <rFont val="Calibri"/>
        <family val="2"/>
      </rPr>
      <t>1/3" CMOS, ICR, 1280x960:30fps, H.264/MJPEG, Triple streams, AC24V, 3D DNR, -40~70</t>
    </r>
    <r>
      <rPr>
        <b/>
        <sz val="10"/>
        <color indexed="55"/>
        <rFont val="宋体"/>
        <family val="3"/>
        <charset val="134"/>
      </rPr>
      <t>℃</t>
    </r>
    <r>
      <rPr>
        <b/>
        <sz val="10"/>
        <color indexed="55"/>
        <rFont val="Calibri"/>
        <family val="2"/>
      </rPr>
      <t>, IP67, 22x optical zoom(4.7 ~ 103.4mm)</t>
    </r>
  </si>
  <si>
    <r>
      <rPr>
        <b/>
        <sz val="10"/>
        <color indexed="10"/>
        <rFont val="宋体"/>
        <family val="3"/>
        <charset val="134"/>
      </rPr>
      <t>停产</t>
    </r>
    <r>
      <rPr>
        <b/>
        <sz val="10"/>
        <color indexed="10"/>
        <rFont val="Calibri"/>
        <family val="2"/>
      </rPr>
      <t>!</t>
    </r>
    <r>
      <rPr>
        <b/>
        <sz val="10"/>
        <color indexed="10"/>
        <rFont val="宋体"/>
        <family val="3"/>
        <charset val="134"/>
      </rPr>
      <t>替代型号为</t>
    </r>
    <r>
      <rPr>
        <b/>
        <sz val="10"/>
        <color indexed="10"/>
        <rFont val="Calibri"/>
        <family val="2"/>
      </rPr>
      <t xml:space="preserve">                                              IPC641E-X20N                       0235C14V</t>
    </r>
  </si>
  <si>
    <t>IPC642L-X22-IN</t>
  </si>
  <si>
    <r>
      <rPr>
        <b/>
        <sz val="10"/>
        <color indexed="55"/>
        <rFont val="Calibri"/>
        <family val="2"/>
      </rPr>
      <t>1/2.8" CMOS, ICR, 1920x1080:30fps, H.264/MJPEG, Triple streams, AC24V,  3D DNR, -40~70</t>
    </r>
    <r>
      <rPr>
        <b/>
        <sz val="10"/>
        <color indexed="55"/>
        <rFont val="宋体"/>
        <family val="3"/>
        <charset val="134"/>
      </rPr>
      <t>℃</t>
    </r>
    <r>
      <rPr>
        <b/>
        <sz val="10"/>
        <color indexed="55"/>
        <rFont val="Calibri"/>
        <family val="2"/>
      </rPr>
      <t>, IP67, 22x optical zoom(4.7 ~ 103.4mm</t>
    </r>
    <r>
      <rPr>
        <sz val="10"/>
        <color indexed="55"/>
        <rFont val="Calibri"/>
        <family val="2"/>
      </rPr>
      <t>)</t>
    </r>
  </si>
  <si>
    <r>
      <rPr>
        <b/>
        <sz val="10"/>
        <color indexed="10"/>
        <rFont val="宋体"/>
        <family val="3"/>
        <charset val="134"/>
      </rPr>
      <t>停产</t>
    </r>
    <r>
      <rPr>
        <b/>
        <sz val="10"/>
        <color indexed="10"/>
        <rFont val="Calibri"/>
        <family val="2"/>
      </rPr>
      <t>!</t>
    </r>
    <r>
      <rPr>
        <b/>
        <sz val="10"/>
        <color indexed="10"/>
        <rFont val="宋体"/>
        <family val="3"/>
        <charset val="134"/>
      </rPr>
      <t>替代型号为</t>
    </r>
    <r>
      <rPr>
        <b/>
        <sz val="10"/>
        <color indexed="10"/>
        <rFont val="Calibri"/>
        <family val="2"/>
      </rPr>
      <t xml:space="preserve">                                              IPC642E-X20N                       0235C14W</t>
    </r>
  </si>
  <si>
    <t>IPC641E-X22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7, 22x optical zoom(4.7 ~ 103.4mm)</t>
    </r>
  </si>
  <si>
    <t>IPC642E-X22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7, 22x optical zoom(4.7 ~ 103.4mm)</t>
    </r>
  </si>
  <si>
    <t>IPC641E-X22-NL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7, 22x optical zoom(4.7 ~ 103.4mm),SFP slot+RJ45</t>
    </r>
  </si>
  <si>
    <t>IPC642E-X22-NL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7, 22x optical zoom(4.7 ~ 103.4mm),SFP slot+RJ45</t>
    </r>
  </si>
  <si>
    <t>All-weather series</t>
  </si>
  <si>
    <t>IPC641E-X22A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 All-weather(self-clean)</t>
    </r>
  </si>
  <si>
    <t>IPC642E-X22A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IP66, 22x optical zoom(4.7 ~ 103.4mm),  All-weather(self-clean)</t>
    </r>
  </si>
  <si>
    <t>IPC641E-X22A-NL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IP66, 22x optical zoom(4.7 ~ 103.4mm),SFP slot+RJ45, All-weather(self-clean)</t>
    </r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IP66, 22x optical zoom(4.7 ~ 103.4mm),SFP slot+RJ45, All-weather(self-clean)</t>
    </r>
  </si>
  <si>
    <t>IPC641L-X22IR-IN</t>
  </si>
  <si>
    <r>
      <rPr>
        <b/>
        <sz val="10"/>
        <color indexed="55"/>
        <rFont val="Calibri"/>
        <family val="2"/>
      </rPr>
      <t>1/3" CMOS, ICR, 1280x960:30fps, H.264/MJPEG, Triple streams, AC24V, 3D DNR, -40~70</t>
    </r>
    <r>
      <rPr>
        <b/>
        <sz val="10"/>
        <color indexed="55"/>
        <rFont val="宋体"/>
        <family val="3"/>
        <charset val="134"/>
      </rPr>
      <t>℃</t>
    </r>
    <r>
      <rPr>
        <b/>
        <sz val="10"/>
        <color indexed="55"/>
        <rFont val="Calibri"/>
        <family val="2"/>
      </rPr>
      <t>, IP66, 22x optical zoom(4.7 ~ 103.4mm), IR range: up to 120m</t>
    </r>
  </si>
  <si>
    <r>
      <rPr>
        <b/>
        <sz val="10"/>
        <color indexed="10"/>
        <rFont val="宋体"/>
        <family val="3"/>
        <charset val="134"/>
      </rPr>
      <t>停产</t>
    </r>
    <r>
      <rPr>
        <b/>
        <sz val="10"/>
        <color indexed="10"/>
        <rFont val="Calibri"/>
        <family val="2"/>
      </rPr>
      <t>!</t>
    </r>
    <r>
      <rPr>
        <b/>
        <sz val="10"/>
        <color indexed="10"/>
        <rFont val="宋体"/>
        <family val="3"/>
        <charset val="134"/>
      </rPr>
      <t>替代型号为</t>
    </r>
    <r>
      <rPr>
        <b/>
        <sz val="10"/>
        <color indexed="10"/>
        <rFont val="Calibri"/>
        <family val="2"/>
      </rPr>
      <t xml:space="preserve">                                              IPC641ER-X20N                       0235C14X</t>
    </r>
  </si>
  <si>
    <t>IPC642L-X22IR-IN</t>
  </si>
  <si>
    <r>
      <rPr>
        <b/>
        <sz val="10"/>
        <color indexed="55"/>
        <rFont val="Calibri"/>
        <family val="2"/>
      </rPr>
      <t>1/2.8" CMOS, ICR, 1920x1080:30fps, H.264/MJPEG, Triple streams, AC24V,  3D DNR, -40~70</t>
    </r>
    <r>
      <rPr>
        <b/>
        <sz val="10"/>
        <color indexed="55"/>
        <rFont val="宋体"/>
        <family val="3"/>
        <charset val="134"/>
      </rPr>
      <t>℃</t>
    </r>
    <r>
      <rPr>
        <b/>
        <sz val="10"/>
        <color indexed="55"/>
        <rFont val="Calibri"/>
        <family val="2"/>
      </rPr>
      <t>, IP66, 22x optical zoom(4.7 ~ 103.4mm),  IR range: up to 120m</t>
    </r>
  </si>
  <si>
    <r>
      <rPr>
        <b/>
        <sz val="10"/>
        <color indexed="10"/>
        <rFont val="宋体"/>
        <family val="3"/>
        <charset val="134"/>
      </rPr>
      <t>停产</t>
    </r>
    <r>
      <rPr>
        <b/>
        <sz val="10"/>
        <color indexed="10"/>
        <rFont val="Calibri"/>
        <family val="2"/>
      </rPr>
      <t>!</t>
    </r>
    <r>
      <rPr>
        <b/>
        <sz val="10"/>
        <color indexed="10"/>
        <rFont val="宋体"/>
        <family val="3"/>
        <charset val="134"/>
      </rPr>
      <t>替代型号为</t>
    </r>
    <r>
      <rPr>
        <b/>
        <sz val="10"/>
        <color indexed="10"/>
        <rFont val="Calibri"/>
        <family val="2"/>
      </rPr>
      <t xml:space="preserve">                                              IPC642ER-X20N                       0235C14Y</t>
    </r>
  </si>
  <si>
    <t>IPC641E-X22IR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IP66, 22x optical zoom(4.7 ~ 103.4mm),  All-weather(self-clean), IR range: up to 150m</t>
    </r>
  </si>
  <si>
    <t>IPC642E-X22IR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 All-weather(self-clean), IR range: up to 150m</t>
    </r>
  </si>
  <si>
    <t>IPC641E-X22IR-NL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SFP slot+RJ45, All-weather(self-clean), IR range: up to 150m</t>
    </r>
  </si>
  <si>
    <t>IPC642E-X22IR-NL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 SFP slot+RJ45, All-weather(self-clean), IR range: up to 150m</t>
    </r>
  </si>
  <si>
    <t>IPC641E-X22IR-IANL-IN</t>
  </si>
  <si>
    <r>
      <rPr>
        <b/>
        <sz val="10"/>
        <rFont val="Calibri"/>
        <family val="2"/>
      </rPr>
      <t>1/2.8" CMOS, ICR, 1280x96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 xml:space="preserve">, IP66, 22x optical zoom(4.7 ~ 103.4mm),  SFP slot+RJ45, All-weather(self-clean), IR range: up to 150m, </t>
    </r>
    <r>
      <rPr>
        <b/>
        <sz val="10"/>
        <color indexed="10"/>
        <rFont val="Calibri"/>
        <family val="2"/>
      </rPr>
      <t>Intelligent Analysis: Region Intrusion, line crossing, PTZ auto-tracking</t>
    </r>
  </si>
  <si>
    <t>IPC642E-X22IR-IANL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 xml:space="preserve">, IP66, 22x optical zoom(4.7 ~ 103.4mm),  SFP slot+RJ45, All-weather(self-clean), IR range: up to 150m, </t>
    </r>
    <r>
      <rPr>
        <b/>
        <sz val="10"/>
        <color indexed="10"/>
        <rFont val="Calibri"/>
        <family val="2"/>
      </rPr>
      <t>Intelligent Analysis: Intrusion detection, line crossing detection, PTZ auto-tracking</t>
    </r>
  </si>
  <si>
    <t>IPC641E-X22IRL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 All-weather(self-clean), IR range: up to 250m</t>
    </r>
  </si>
  <si>
    <t>IPC642E-X22IRL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  All-weather(self-clean), IR range: up to 250m</t>
    </r>
  </si>
  <si>
    <t>IPC641E-X22IRL-NL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SFP slot+RJ45, All-weather(self-clean), IR range: up to 250m</t>
    </r>
  </si>
  <si>
    <t>IPC642E-X22IRL-NL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宋体"/>
        <family val="3"/>
        <charset val="134"/>
      </rPr>
      <t>℃</t>
    </r>
    <r>
      <rPr>
        <b/>
        <sz val="10"/>
        <rFont val="Calibri"/>
        <family val="2"/>
      </rPr>
      <t>, IP66, 22x optical zoom(4.7 ~ 103.4mm),SFP slot+RJ45, All-weather(self-clean), IR range: up to 250m</t>
    </r>
  </si>
  <si>
    <t>Indoor  series</t>
  </si>
  <si>
    <t>IPC641E-X22I-IN</t>
  </si>
  <si>
    <r>
      <rPr>
        <b/>
        <sz val="10"/>
        <rFont val="Calibri"/>
        <family val="2"/>
      </rPr>
      <t>1/3" CMOS, ICR, 1280x960:30fps, H.264/MJPEG, Triple streams, AC24V,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22x optical zoom(4.7 ~ 103.4mm), PoE(IEEE802.3at)</t>
    </r>
  </si>
  <si>
    <t>IPC642E-X22I-IN</t>
  </si>
  <si>
    <r>
      <rPr>
        <b/>
        <sz val="10"/>
        <rFont val="Calibri"/>
        <family val="2"/>
      </rPr>
      <t>1/2.8" CMOS, ICR, 1920x1080:30fps, H.264/MJPEG, Triple streams, AC24V,  3D DNR, SD card slot, Alarm in/out 2/1, Audio, BNC output, -40~70</t>
    </r>
    <r>
      <rPr>
        <b/>
        <sz val="10"/>
        <rFont val="Arial"/>
        <family val="2"/>
      </rPr>
      <t>℃</t>
    </r>
    <r>
      <rPr>
        <b/>
        <sz val="10"/>
        <rFont val="Calibri"/>
        <family val="2"/>
      </rPr>
      <t>, 22x optical zoom(4.7 ~ 103.4mm), PoE(IEEE802.3at)</t>
    </r>
  </si>
  <si>
    <t>0235C3TY</t>
  </si>
  <si>
    <t>0235C3RX</t>
  </si>
  <si>
    <t>0235C3RV</t>
  </si>
  <si>
    <t>0235C3RW</t>
  </si>
  <si>
    <t>0235C3RU</t>
  </si>
  <si>
    <t>1/2.7" CMOS, ICR, 1920x1080:30fps, Ultra 265/H.264/MJPEG, Triple stream,   DC12V &amp; PoE, DWDR,  IP67,2.8-12mm, Manual, IR range: up to 30m. 3-Axis</t>
  </si>
  <si>
    <t>1/2.7" CMOS, ICR, 1920x1080:30fps, Ultra 265/H.264/MJPEG, Triple stream,   DC12V &amp; PoE, DWDR,  IP67,2.8-12mm, Motorized,IR range: up to 30m. 3-Axis</t>
  </si>
  <si>
    <t>0235C3NP</t>
  </si>
  <si>
    <t>0235C3NQ</t>
  </si>
  <si>
    <t>120dB WDR, IP67,Built-in Mic</t>
  </si>
  <si>
    <t>120dB WDR, IP67&amp;IK10, 3-Axis</t>
  </si>
  <si>
    <t>120dB WDR, IP67,  3-Axis</t>
  </si>
  <si>
    <t>DWDR,IP67, HLC,Starlight</t>
  </si>
  <si>
    <t>SATA</t>
  </si>
  <si>
    <t>Audio In/Out</t>
  </si>
  <si>
    <t>Alarm In/Out</t>
  </si>
  <si>
    <t>Case</t>
  </si>
  <si>
    <t>4+2</t>
  </si>
  <si>
    <t xml:space="preserve">1U </t>
  </si>
  <si>
    <t>8+4</t>
  </si>
  <si>
    <t>64Mbps</t>
  </si>
  <si>
    <t>16+8</t>
  </si>
  <si>
    <t>4-ch, 1 SATA interface, 4 PoE, Mini 1U, H.265</t>
  </si>
  <si>
    <t>8-ch, 1 SATA interface, 8 PoE, Mini 1U, H.265</t>
  </si>
  <si>
    <t>8-ch, 1 SATA interface, 8 PoE, Smart 1U, H.265&amp;4K</t>
  </si>
  <si>
    <t>16-ch, 1 SATA interface, 8 PoE, Smart 1U, H.265&amp;4K</t>
  </si>
  <si>
    <t>4-ch, 1 SATA interface,Mini 1U, H.265&amp;4K</t>
  </si>
  <si>
    <t>8-ch, 1 SATA interface,Mini 1U, H.265&amp;4K</t>
  </si>
  <si>
    <t>16-ch, 1 SATA interface,Mini 1U, H.265&amp;4K</t>
  </si>
  <si>
    <t>4-ch, 1 SATA interface, 4 PoE, Mini 1U, H.265&amp;4K</t>
  </si>
  <si>
    <t>8-ch, 1 SATA interface, 8 PoE, Mini 1U, H.265&amp;4K</t>
  </si>
  <si>
    <t>NVR301-08LX-P8</t>
  </si>
  <si>
    <t>NVR301-08X-P8</t>
  </si>
  <si>
    <t>32-ch, 2 SATA interface, 1U,  H.265&amp;4K</t>
  </si>
  <si>
    <t>160Mbps</t>
  </si>
  <si>
    <t>0235C3G2</t>
  </si>
  <si>
    <t>16-ch, 2 SATA interface, 1U, 8 PoE, H.265&amp;4K</t>
  </si>
  <si>
    <t>16-ch, 2 SATA interface, 1U, 16 PoE, H.265&amp;4K</t>
  </si>
  <si>
    <t>16-ch, 4 SATA interface, 1U, H.265&amp;4K, Dual Network interface</t>
  </si>
  <si>
    <t>96Mbps</t>
  </si>
  <si>
    <t>32-ch, 4 SATA interface, 1U, H.265&amp;4K, Dual Network interface</t>
  </si>
  <si>
    <t>9801C0Q0</t>
  </si>
  <si>
    <t>NSW2010-16T2GC-POE-IN</t>
  </si>
  <si>
    <t>9801C0Q6</t>
  </si>
  <si>
    <t>9801C0PY</t>
  </si>
  <si>
    <t>1/2.8" CMOS, ICR, 1920x1080:30fps, Ultra 265/H.264/MJPEG, Triple streams, AC24V/DC24V, Micro SD card slot, Alarm in/out 1/1, Audio, -40-65℃, IP66, 30x optical zoom(4.5 ~ 135mm), IR range: up to 150m, IR anti-reflection window</t>
  </si>
  <si>
    <t>8MP Lite@8fps (channel1）
5MPLite@12fps
4MP Lite@15fps
3MP@15fps(channel1)
2MP@15fps
720P@30fps</t>
  </si>
  <si>
    <t>8MP Lite@8fps (channel1-channel2)
5MP Lite@12fps
4MP Lite@15fps
3MP@15fps(channel1 – channel2)
2MP@15fps
720P@30fps</t>
  </si>
  <si>
    <t>8MPLite@8fps (channel1-channel2)
5MPLite@12fps
4MP Lite@15fps
3MP@15fps (channel1 - channel2)
2MP@15fps
720P@30fps</t>
  </si>
  <si>
    <t>0235C3GP</t>
  </si>
  <si>
    <t>Easy-Hybrid</t>
  </si>
  <si>
    <t>0235C427</t>
  </si>
  <si>
    <t>NVR302-16S2-P16</t>
  </si>
  <si>
    <t>0235C428</t>
  </si>
  <si>
    <t>0235C41H</t>
  </si>
  <si>
    <t>NVR301-16X</t>
  </si>
  <si>
    <t>0235C41D</t>
  </si>
  <si>
    <t>NVR301-08X</t>
  </si>
  <si>
    <t>0235C41C</t>
  </si>
  <si>
    <t>NVR301-04X</t>
  </si>
  <si>
    <t>0235C3W2</t>
  </si>
  <si>
    <t>NVR301-04X-P4</t>
  </si>
  <si>
    <t>0235C3W3</t>
  </si>
  <si>
    <t>5X</t>
  </si>
  <si>
    <t>0235C3GQ</t>
  </si>
  <si>
    <t>LightHunter, 120dBWDR,HLC, IP66, 22X optical zoom, Smart functions, EIS</t>
  </si>
  <si>
    <t>LightHunter, 120dBWDR, HLC IP66, 33X optical zoom, Smart functions , EIS</t>
  </si>
  <si>
    <t>LightHunter, 120dBWDR, HLC, IP66, 38X optical zoom, Smart functions , EIS</t>
  </si>
  <si>
    <t>LightHunter, Laser, HLC, 120dBWDR, IP66, 33X optical zoom, Smart functions, EIS</t>
  </si>
  <si>
    <t>1/2.8" CMOS, ICR, 1920x1080:60fps, Ultra 265/H.264/MJPEG, Triple streams, AC24V/DC24V/P:PoE (PSE Required), Micro SD card slot, Alarm in/out 1/1, Audio, -40-70℃, IP66,  33x optical zoom(4.5 ~ 148.5mm),   VF Laser, Up to 500 m , Ultra low-light(LightHunter)</t>
  </si>
  <si>
    <t>1/1.8" CMOS, ICR, 1920x1080:60fps, Ultra 265/H.264/MJPEG, Triple streams, AC24V/DC24V, Micro SD card slot, Alarm in/out 2/1, Audio, BNC output, -40-70℃, IP66,  22x optical zoom(6.5~143mm),   IR range: up to 200m, IR anti-reflection window, Ultra low-light(LightHunter)</t>
  </si>
  <si>
    <t>1/2.8" CMOS, ICR, 1920x1080:60fps, Ultra 265/H.264/MJPEG, Triple streams, AC24V/DC24V, Micro SD card slot, Alarm in/out 2/1, Audio, BNC output, -40-70℃, IP66,  33x optical zoom(4.5 ~ 148.5mm),   IR range: up to 200m, IR anti-reflection window, Ultra low-light(LightHunter)</t>
  </si>
  <si>
    <t>Prime-II</t>
  </si>
  <si>
    <t>8 x 1080P@30
4 x 4MP@30
2 x 4K@30</t>
  </si>
  <si>
    <t>4 x 1080P@30
2 x 4MP@30
1 x 4K@30</t>
  </si>
  <si>
    <t>Bracket</t>
  </si>
  <si>
    <t>NSW2010-6T-PoE-IN</t>
  </si>
  <si>
    <t>NSW2010-10T-PoE-IN</t>
  </si>
  <si>
    <t>NSW2010-24T2GC-PoE-IN</t>
  </si>
  <si>
    <t>Transmission</t>
    <phoneticPr fontId="21" type="noConversion"/>
  </si>
  <si>
    <t>2.8mm, Fixed</t>
    <phoneticPr fontId="18" type="noConversion"/>
  </si>
  <si>
    <t>Mic</t>
    <phoneticPr fontId="18" type="noConversion"/>
  </si>
  <si>
    <t>Prime-I</t>
    <phoneticPr fontId="18" type="noConversion"/>
  </si>
  <si>
    <t>4.0mm, Fixed</t>
    <phoneticPr fontId="18" type="noConversion"/>
  </si>
  <si>
    <t>X</t>
    <phoneticPr fontId="18" type="noConversion"/>
  </si>
  <si>
    <t>IPC2125SR3-ADPF28M-F</t>
    <phoneticPr fontId="18" type="noConversion"/>
  </si>
  <si>
    <t>5MP</t>
    <phoneticPr fontId="18" type="noConversion"/>
  </si>
  <si>
    <t>0235C3Q2</t>
    <phoneticPr fontId="18" type="noConversion"/>
  </si>
  <si>
    <t>IPC2125SR3-ADPF40M-F</t>
    <phoneticPr fontId="18" type="noConversion"/>
  </si>
  <si>
    <t>MIC</t>
    <phoneticPr fontId="18" type="noConversion"/>
  </si>
  <si>
    <t>Audio
 I/0</t>
    <phoneticPr fontId="18" type="noConversion"/>
  </si>
  <si>
    <t>Alarm
 I/0</t>
    <phoneticPr fontId="18" type="noConversion"/>
  </si>
  <si>
    <t>PTZ</t>
    <phoneticPr fontId="19" type="noConversion"/>
  </si>
  <si>
    <t>22X</t>
    <phoneticPr fontId="18" type="noConversion"/>
  </si>
  <si>
    <t>√</t>
    <phoneticPr fontId="18" type="noConversion"/>
  </si>
  <si>
    <t>2MP</t>
    <phoneticPr fontId="18" type="noConversion"/>
  </si>
  <si>
    <t>NVR301-04LX-P4</t>
    <phoneticPr fontId="18" type="noConversion"/>
  </si>
  <si>
    <t>Prime-II</t>
    <phoneticPr fontId="23" type="noConversion"/>
  </si>
  <si>
    <t>0235C3XP</t>
  </si>
  <si>
    <t xml:space="preserve">Wi-Fi </t>
    <phoneticPr fontId="25" type="noConversion"/>
  </si>
  <si>
    <t>2MP</t>
    <phoneticPr fontId="18" type="noConversion"/>
  </si>
  <si>
    <t>2.8mm, Fixed</t>
    <phoneticPr fontId="18" type="noConversion"/>
  </si>
  <si>
    <t>Easy</t>
    <phoneticPr fontId="18" type="noConversion"/>
  </si>
  <si>
    <t>Ultra 265</t>
    <phoneticPr fontId="18" type="noConversion"/>
  </si>
  <si>
    <t>4.0mm, Fixed</t>
    <phoneticPr fontId="18" type="noConversion"/>
  </si>
  <si>
    <t>√</t>
    <phoneticPr fontId="18" type="noConversion"/>
  </si>
  <si>
    <t>X</t>
    <phoneticPr fontId="18" type="noConversion"/>
  </si>
  <si>
    <t>DWDR,IP67, HLC</t>
    <phoneticPr fontId="18" type="noConversion"/>
  </si>
  <si>
    <t>Easystar</t>
    <phoneticPr fontId="18" type="noConversion"/>
  </si>
  <si>
    <t>Easystar</t>
    <phoneticPr fontId="18" type="noConversion"/>
  </si>
  <si>
    <t>IPC322LR3-UVSPF28-F</t>
    <phoneticPr fontId="18" type="noConversion"/>
  </si>
  <si>
    <t>1/2.7" CMOS, ICR, 1920x1080 30fps, Ultra 265/H.264/MJPEG,triplel streams, DC12V &amp; PoE,  IP67  IR range: up to 30m, 2-axis</t>
    <phoneticPr fontId="18" type="noConversion"/>
  </si>
  <si>
    <t>0235C3S2</t>
    <phoneticPr fontId="18" type="noConversion"/>
  </si>
  <si>
    <t>IPC322LR3-UVSPF40-F</t>
    <phoneticPr fontId="18" type="noConversion"/>
  </si>
  <si>
    <t>DWDR,IP67, HLC,Starlight</t>
    <phoneticPr fontId="18" type="noConversion"/>
  </si>
  <si>
    <t>0235C3S3</t>
    <phoneticPr fontId="18" type="noConversion"/>
  </si>
  <si>
    <t>Easystar</t>
    <phoneticPr fontId="18" type="noConversion"/>
  </si>
  <si>
    <t>IPC3612LR3-UPF28-F</t>
    <phoneticPr fontId="18" type="noConversion"/>
  </si>
  <si>
    <t>1/2.7" CMOS, ICR, 1920x1080 30fps, Ultra 265/H.264/MJPEG,triplel streams, DC12V &amp; PoE,  IP67  IR range: up to 30m, 3-axis</t>
    <phoneticPr fontId="18" type="noConversion"/>
  </si>
  <si>
    <t>0235C3S1</t>
    <phoneticPr fontId="18" type="noConversion"/>
  </si>
  <si>
    <t>IPC3612LR3-UPF40-F</t>
    <phoneticPr fontId="18" type="noConversion"/>
  </si>
  <si>
    <t>0235C3S4</t>
    <phoneticPr fontId="18" type="noConversion"/>
  </si>
  <si>
    <t>4MP</t>
    <phoneticPr fontId="18" type="noConversion"/>
  </si>
  <si>
    <t>120dB WDR, IP67, HLC,Starlight</t>
    <phoneticPr fontId="18" type="noConversion"/>
  </si>
  <si>
    <t xml:space="preserve">1/3" CMOS, ICR, 2592x1520:20fps, Ultra 265/H.265/H.264/MJPEG, Triple stream,   DC12V &amp; PoE,Fixed lens 2.8mm,4mm, IR range: up to 50m. </t>
    <phoneticPr fontId="18" type="noConversion"/>
  </si>
  <si>
    <t>0235C3W4</t>
    <phoneticPr fontId="18" type="noConversion"/>
  </si>
  <si>
    <t>0235C3W5</t>
    <phoneticPr fontId="18" type="noConversion"/>
  </si>
  <si>
    <t>6.0mm, Fixed</t>
    <phoneticPr fontId="18" type="noConversion"/>
  </si>
  <si>
    <t>3MP</t>
    <phoneticPr fontId="18" type="noConversion"/>
  </si>
  <si>
    <t>IPC2123LR3-PF40M-F</t>
    <phoneticPr fontId="18" type="noConversion"/>
  </si>
  <si>
    <t>3MP</t>
    <phoneticPr fontId="18" type="noConversion"/>
  </si>
  <si>
    <t>IPC2124LR3-PF60M-D</t>
    <phoneticPr fontId="18" type="noConversion"/>
  </si>
  <si>
    <t>IPC2128LR3-DPF28M-F</t>
    <phoneticPr fontId="18" type="noConversion"/>
  </si>
  <si>
    <t>1/3" CMOS, ICR, 3840x2160 20fps, Ultra 265/H.264/MJPEG,Triple streams, DC12V &amp; PoE,  IP67  IR range: up to 30m, 120dB WDR</t>
    <phoneticPr fontId="18" type="noConversion"/>
  </si>
  <si>
    <t>IPC323LR3-VSPF28-F</t>
    <phoneticPr fontId="18" type="noConversion"/>
  </si>
  <si>
    <t>DWDR,  IP67&amp;IK10, HLC,car-grade LED</t>
    <phoneticPr fontId="18" type="noConversion"/>
  </si>
  <si>
    <t xml:space="preserve">1/2.7" CMOS, ICR,2304x1296:20fps, Ultra 265/H.264/MJPEG, Triple stream,   DC12V &amp; PoE,Fixed lens (2.8mm,4.0mm), IR range: up to 30m,2-Axis </t>
    <phoneticPr fontId="18" type="noConversion"/>
  </si>
  <si>
    <t>IPC323LR3-VSPF40-F</t>
    <phoneticPr fontId="18" type="noConversion"/>
  </si>
  <si>
    <t>3MP</t>
    <phoneticPr fontId="18" type="noConversion"/>
  </si>
  <si>
    <t>√</t>
    <phoneticPr fontId="18" type="noConversion"/>
  </si>
  <si>
    <t>X</t>
    <phoneticPr fontId="18" type="noConversion"/>
  </si>
  <si>
    <t>DWDR,  IP67&amp;IK10, HLC,car-grade LED</t>
    <phoneticPr fontId="18" type="noConversion"/>
  </si>
  <si>
    <t>Easy</t>
    <phoneticPr fontId="18" type="noConversion"/>
  </si>
  <si>
    <t>DWDR,  IP67&amp;IK10, HLC, car-grade LED</t>
    <phoneticPr fontId="18" type="noConversion"/>
  </si>
  <si>
    <t xml:space="preserve">1/3" CMOS, ICR, 2592x1520:20fps, Ultra 265/H.264/MJPEG, Triple stream,   DC12V &amp; PoE,Fixed lens (2.8mm,4mm), IR range: up to 30m，2-Axis </t>
    <phoneticPr fontId="18" type="noConversion"/>
  </si>
  <si>
    <t>IPC325LR3-VSPF28-D</t>
    <phoneticPr fontId="18" type="noConversion"/>
  </si>
  <si>
    <t>1/2.7" CMOS, ICR, 2592×1944 20fps,  Ultra 265/H.264/MJPEG, dual streams, DC12V &amp; PoE,Fixed lens (2.8mm,4mm),  IR range: up to 30m,2-Axis</t>
    <phoneticPr fontId="18" type="noConversion"/>
  </si>
  <si>
    <t>120dB WDR,IP67, HLC,car-grade LED</t>
    <phoneticPr fontId="18" type="noConversion"/>
  </si>
  <si>
    <t>1/3" CMOS, ICR, 3840x2160 20fps, Ultra 265/H.264/MJPEG,Triple stream, DC12V &amp; PoE,  IP67  IR range: up to 30m, 120dB WDR</t>
    <phoneticPr fontId="18" type="noConversion"/>
  </si>
  <si>
    <t>IPC3613LR3-PF28-F</t>
    <phoneticPr fontId="18" type="noConversion"/>
  </si>
  <si>
    <t>1/2.7" CMOS, ICR,2304x1296:20fps, Ultra 265/H.264/MJPEG, Triple stream,   DC12V &amp; PoE,  Fixed lens (2.8mm,4mm), IR range: up to 30m, 3-Axis</t>
    <phoneticPr fontId="18" type="noConversion"/>
  </si>
  <si>
    <t>IPC3613LR3-PF40-F</t>
    <phoneticPr fontId="18" type="noConversion"/>
  </si>
  <si>
    <t>1/2.7" CMOS, ICR, 2592×1944 20fps, Ultra 265/H.264/MJPEG, dual streams, DC12V &amp; PoE, IP67  IR range: up to 30m, 3-Axis</t>
    <phoneticPr fontId="18" type="noConversion"/>
  </si>
  <si>
    <t>IPC3615LR3-PF40-D</t>
    <phoneticPr fontId="18" type="noConversion"/>
  </si>
  <si>
    <t>IPC2322LBR3-SP-D</t>
    <phoneticPr fontId="18" type="noConversion"/>
  </si>
  <si>
    <t>IPC3232LR3-VSP-D</t>
    <phoneticPr fontId="18" type="noConversion"/>
  </si>
  <si>
    <t>Prime-I</t>
    <phoneticPr fontId="18" type="noConversion"/>
  </si>
  <si>
    <t>Mic</t>
    <phoneticPr fontId="18" type="noConversion"/>
  </si>
  <si>
    <t>120dB WDR, IP67,Built-in Mic</t>
    <phoneticPr fontId="18" type="noConversion"/>
  </si>
  <si>
    <t>1/3" CMOS, ICR, 2592*1520: 30fps; 2560*1440: 30fps, 2304*1296 :30fps,1920 x 1080:30fps Ultra 265/H.264/MJPEG, Triple streams ,DC12V &amp; PoE, 120dB WDR, IP67, Fixed lens (2.8mm, 4.0mm), IR range: up to 30m, IR anti-reflection window, Bulit-in Mic, Micro SD card slot</t>
    <phoneticPr fontId="18" type="noConversion"/>
  </si>
  <si>
    <t>1/2.7" CMOS, ICR, 2592*1944: 20fps; 2560*1440: 30fps,2304*1296:30fps ,Ultra 265/H.264/MJPEG, Triple streams ,DC12V &amp; PoE, 120dB WDR, IP67, Fixed lens (2.8mm, 4.0mm), IR range: up to 30m, IR anti-reflection window, Bulit-in Mic, Micro SD card slot</t>
    <phoneticPr fontId="18" type="noConversion"/>
  </si>
  <si>
    <t>Prime-I</t>
    <phoneticPr fontId="18" type="noConversion"/>
  </si>
  <si>
    <t>0235C3Q1</t>
    <phoneticPr fontId="18" type="noConversion"/>
  </si>
  <si>
    <t>Prime-I</t>
    <phoneticPr fontId="18" type="noConversion"/>
  </si>
  <si>
    <t>IPC325SR3-DVPF28-F</t>
    <phoneticPr fontId="18" type="noConversion"/>
  </si>
  <si>
    <t>X</t>
    <phoneticPr fontId="18" type="noConversion"/>
  </si>
  <si>
    <t>1/2.7" CMOS, ICR, 2592*1944: 20fps; 2560*1440: 30fps,2304*1296:30fps , Ultra 265/H.264/MJPEG, Triple streams, DC12V &amp; PoE,  Micro SD card slot, 120dB WDR,   Audio 1/1,Alarm 1/1, IP67&amp; IK10, Fixed lens (2.8mm,4.0mm), IR range: up to 30m, 3-Axis</t>
    <phoneticPr fontId="18" type="noConversion"/>
  </si>
  <si>
    <t>0235C3NX</t>
    <phoneticPr fontId="18" type="noConversion"/>
  </si>
  <si>
    <t>Prime-I</t>
    <phoneticPr fontId="18" type="noConversion"/>
  </si>
  <si>
    <t>IPC325SR3-DVPF40-F</t>
    <phoneticPr fontId="18" type="noConversion"/>
  </si>
  <si>
    <t>0235C3NW</t>
    <phoneticPr fontId="18" type="noConversion"/>
  </si>
  <si>
    <t>Prime-I</t>
    <phoneticPr fontId="18" type="noConversion"/>
  </si>
  <si>
    <t>IPC3614SR3-ADPF28-F</t>
    <phoneticPr fontId="18" type="noConversion"/>
  </si>
  <si>
    <t>IPC3534SR3-DVPZ-F</t>
    <phoneticPr fontId="18" type="noConversion"/>
  </si>
  <si>
    <t>IPC3535SR3-DVPZ-F</t>
    <phoneticPr fontId="18" type="noConversion"/>
  </si>
  <si>
    <t>IPC3634SR3-ADPZ-F</t>
    <phoneticPr fontId="18" type="noConversion"/>
  </si>
  <si>
    <t>IPC3635SR3-ADPZ-F</t>
    <phoneticPr fontId="18" type="noConversion"/>
  </si>
  <si>
    <t>IPC2325SBR5-DPZ-F</t>
    <phoneticPr fontId="18" type="noConversion"/>
  </si>
  <si>
    <t>2.8-12mm, Motorized</t>
    <phoneticPr fontId="18" type="noConversion"/>
  </si>
  <si>
    <t>IPC3534SR3-DVNPZ-F</t>
    <phoneticPr fontId="18" type="noConversion"/>
  </si>
  <si>
    <t>IPC2224SS-DF40K</t>
    <phoneticPr fontId="23" type="noConversion"/>
  </si>
  <si>
    <t>IPC2324SS-DZK</t>
    <phoneticPr fontId="23" type="noConversion"/>
  </si>
  <si>
    <t>1/3" CMOS, ICR, 2688*1520: 30fps; 2560*1440: 25fps, Ultra 265/H.264/MJPEG, Triple streams, DC12V &amp; PoE, IP67&amp;IK10, Fixed lens(2.8mm, 4.0mm), IR range: up to 40m,, Micro SD card slot,  120dB WDR，IR anti-reflection window, Bulit-in bracket，LightHunter: 0.003 Lux min. illumination,  3-Axis</t>
    <phoneticPr fontId="18" type="noConversion"/>
  </si>
  <si>
    <t>IPC324SS-DF28K</t>
    <phoneticPr fontId="23" type="noConversion"/>
  </si>
  <si>
    <t>IPC3234SS-DZK</t>
    <phoneticPr fontId="23" type="noConversion"/>
  </si>
  <si>
    <t>Easystar</t>
    <phoneticPr fontId="25" type="noConversion"/>
  </si>
  <si>
    <t>Basic-Fixed</t>
    <phoneticPr fontId="25" type="noConversion"/>
  </si>
  <si>
    <t>0235C4B9</t>
  </si>
  <si>
    <t>Basic-VF</t>
    <phoneticPr fontId="25" type="noConversion"/>
  </si>
  <si>
    <t>Prime-II</t>
    <phoneticPr fontId="31" type="noConversion"/>
  </si>
  <si>
    <t>Prime-IV</t>
    <phoneticPr fontId="18" type="noConversion"/>
  </si>
  <si>
    <t>Ultra 265</t>
    <phoneticPr fontId="19" type="noConversion"/>
  </si>
  <si>
    <t>5X</t>
    <phoneticPr fontId="19" type="noConversion"/>
  </si>
  <si>
    <t>mic</t>
    <phoneticPr fontId="19" type="noConversion"/>
  </si>
  <si>
    <t>DWDR,PoE, HLC,1024preset</t>
    <phoneticPr fontId="19" type="noConversion"/>
  </si>
  <si>
    <t>1/2.9" CMOS, ICR, 1920x1080:30fps, Ultra 265/H.264/MJPEG, Triple streams, DC12V, PoE,Micro SD card slot,  -10-50℃,5x lens(2.7~ 13.5mm), IR range: up to 30m, Built-in Mic</t>
    <phoneticPr fontId="19" type="noConversion"/>
  </si>
  <si>
    <t>PTZ</t>
    <phoneticPr fontId="18" type="noConversion"/>
  </si>
  <si>
    <t>IPC6415SR-X5UPW</t>
    <phoneticPr fontId="18" type="noConversion"/>
  </si>
  <si>
    <t>Mic/
Speaker</t>
    <phoneticPr fontId="19" type="noConversion"/>
  </si>
  <si>
    <t>120DB WDR,HLC,1024preset</t>
    <phoneticPr fontId="18" type="noConversion"/>
  </si>
  <si>
    <t>1/2.7" CMOS, ICR, 2592 × 1944 30fps, Ultra 265/H.264/MJPEG, Triple streams, DC12V, PoE,Micro SD card slot,  -10-50℃,5x lens(2.7~ 13.5mm), IR range: up to 30m, Built-in Mic
Built-in Speaker,Alarm in/out 1/1,120dB WDR</t>
    <phoneticPr fontId="18" type="noConversion"/>
  </si>
  <si>
    <t>Ultra 265</t>
    <phoneticPr fontId="18" type="noConversion"/>
  </si>
  <si>
    <t>X</t>
    <phoneticPr fontId="18" type="noConversion"/>
  </si>
  <si>
    <t>√</t>
    <phoneticPr fontId="18" type="noConversion"/>
  </si>
  <si>
    <t>N/A</t>
    <phoneticPr fontId="18" type="noConversion"/>
  </si>
  <si>
    <t>120dBWDR, IP66, HLC,33x  optical zoom, Smart functions , EIS</t>
    <phoneticPr fontId="18" type="noConversion"/>
  </si>
  <si>
    <t>1/2.8" CMOS, ICR, 2048*1536:30fps, 1920x1080:60fps, Ultra 265/H.264/MJPEG, Triple streams, AC24V/DC24V, Micro SD card slot, Alarm in/out 2/1, Audio, BNC output, -40-70℃, IP66,  33x optical zoom(4.5 ~ 148.5mm),   IR range: up to 200m, IR anti-reflection window</t>
    <phoneticPr fontId="18" type="noConversion"/>
  </si>
  <si>
    <t>IPC6258SR-X22DUP</t>
    <phoneticPr fontId="19" type="noConversion"/>
  </si>
  <si>
    <t>X</t>
    <phoneticPr fontId="18" type="noConversion"/>
  </si>
  <si>
    <t>1/1</t>
    <phoneticPr fontId="18" type="noConversion"/>
  </si>
  <si>
    <t>IPC6854SR-X38UP-VC</t>
    <phoneticPr fontId="18" type="noConversion"/>
  </si>
  <si>
    <t>4MP</t>
    <phoneticPr fontId="18" type="noConversion"/>
  </si>
  <si>
    <t>Utral 265</t>
    <phoneticPr fontId="18" type="noConversion"/>
  </si>
  <si>
    <t>38X</t>
    <phoneticPr fontId="18" type="noConversion"/>
  </si>
  <si>
    <t>√</t>
    <phoneticPr fontId="18" type="noConversion"/>
  </si>
  <si>
    <t>2/1</t>
    <phoneticPr fontId="18" type="noConversion"/>
  </si>
  <si>
    <t>120dBWDR, IP66, 38X optical zoom, Built in AI algorithm , EIS(Gyroscope),HLC</t>
    <phoneticPr fontId="18" type="noConversion"/>
  </si>
  <si>
    <t>1/1.8" CMOS, ICR, 2688*1520:60fps,  Ultra 265/H.264/MJPEG, Triple streams, AC24V/DC24V/PoE(IEEE 802.3bt), Micro SD card slot, Alarm in/out 2/1, Audio, -40-70℃, IP66,  38x optical zoom(5.7~ 216.6mm),   IR range: up to 250m, IR anti-reflection window</t>
    <phoneticPr fontId="18" type="noConversion"/>
  </si>
  <si>
    <t>IPC6222ER-X20-B</t>
    <phoneticPr fontId="19" type="noConversion"/>
  </si>
  <si>
    <t>1/2.8" CMOS, ICR, 1920x1080:30fps, Ultra 265/H.264/MJPEG, Triple streams, AC24V/DC24V ,Micro SD card slot, Alarm in/out 1/1, Audio, -40-65℃, IP66, 20x optical zoom(5.2 ~ 104mm), IR range: up to 150m, IR anti-reflection window</t>
    <phoneticPr fontId="18" type="noConversion"/>
  </si>
  <si>
    <t>IPC6222ER-X20P-B</t>
    <phoneticPr fontId="19" type="noConversion"/>
  </si>
  <si>
    <t>1/2.8" CMOS, ICR, 1920x1080:30fps, Ultra 265/H.264/MJPEG, Triple streams, AC24V/DC24V/P:PoE (PSE required), Micro SD card slot, Alarm in/out 1/1, Audio, -40-65℃, IP66, 20x optical zoom(5.2 ~ 104mm), IR range: up to 150m, IR anti-reflection window</t>
    <phoneticPr fontId="18" type="noConversion"/>
  </si>
  <si>
    <t>IPC6222ER-X30-B</t>
    <phoneticPr fontId="19" type="noConversion"/>
  </si>
  <si>
    <t>IPC6252SR-X22U</t>
    <phoneticPr fontId="18" type="noConversion"/>
  </si>
  <si>
    <t>2/1</t>
    <phoneticPr fontId="18" type="noConversion"/>
  </si>
  <si>
    <t>√</t>
    <phoneticPr fontId="18" type="noConversion"/>
  </si>
  <si>
    <t>0235C24C</t>
    <phoneticPr fontId="18" type="noConversion"/>
  </si>
  <si>
    <t>IPC6252SR-X33U</t>
    <phoneticPr fontId="19" type="noConversion"/>
  </si>
  <si>
    <t>IPC6852SR-X38UG</t>
    <phoneticPr fontId="19" type="noConversion"/>
  </si>
  <si>
    <t>1/1.8" CMOS, ICR, 1920x1080:60fps, Ultra 265/H.264/MJPEG, Triple streams, AC24V/DC24V, Micro SD card slot, Alarm in/out 2/1, Audio, BNC output,-40°C ~ 70°C , IP66,  38x optical zoom (5.7~216.6mm),   IR range: up to 250m, IR anti-reflection window, Ultra low-light(LightHunter), Optical Defog &amp; Digital Defog, Fiber interface</t>
    <phoneticPr fontId="18" type="noConversion"/>
  </si>
  <si>
    <t>IPC6252SL-X33UP</t>
    <phoneticPr fontId="19" type="noConversion"/>
  </si>
  <si>
    <t>IPC6253SR-X33</t>
    <phoneticPr fontId="19" type="noConversion"/>
  </si>
  <si>
    <t>NVR301 Series</t>
  </si>
  <si>
    <t>NVR302 Series</t>
  </si>
  <si>
    <t>NVR316 Series</t>
  </si>
  <si>
    <t>Easy-Hybrid</t>
    <phoneticPr fontId="23" type="noConversion"/>
  </si>
  <si>
    <t>6-ch , 1 SATA interface, 4 BNC/5MP Lite, Mini 1U, H.265, audio over coaxial, intrusion/crossing line</t>
    <phoneticPr fontId="23" type="noConversion"/>
  </si>
  <si>
    <t>XVR301-04Q</t>
    <phoneticPr fontId="18" type="noConversion"/>
  </si>
  <si>
    <t>Easystar</t>
    <phoneticPr fontId="31" type="noConversion"/>
  </si>
  <si>
    <t>4MP</t>
    <phoneticPr fontId="31" type="noConversion"/>
  </si>
  <si>
    <t>Ultra 265</t>
    <phoneticPr fontId="31" type="noConversion"/>
  </si>
  <si>
    <t>2.8mm, Fixed</t>
    <phoneticPr fontId="31" type="noConversion"/>
  </si>
  <si>
    <t>√</t>
    <phoneticPr fontId="31" type="noConversion"/>
  </si>
  <si>
    <t>X</t>
    <phoneticPr fontId="31" type="noConversion"/>
  </si>
  <si>
    <t>120dB WDR, IP67&amp;IK10,HLC,EasyStar</t>
    <phoneticPr fontId="31" type="noConversion"/>
  </si>
  <si>
    <t>1/3" CMOS, ICR, 2688x1520:25fps, Ultra 265/H.265/H.264/MJPEG, Double stream,   DC12V &amp; PoE,Fixed lens 2.8mm,4mm, IR range: up to 30m. , 3-axis   EasyStar: 0.005 Lux min. illumination</t>
    <phoneticPr fontId="31" type="noConversion"/>
  </si>
  <si>
    <t>0235C4K2</t>
    <phoneticPr fontId="31" type="noConversion"/>
  </si>
  <si>
    <t>IPC324LE-DSF40K</t>
    <phoneticPr fontId="31" type="noConversion"/>
  </si>
  <si>
    <t>4.0mm, Fixed</t>
    <phoneticPr fontId="31" type="noConversion"/>
  </si>
  <si>
    <t>120dB WDR, IP67&amp;IK10, HLC,EasyStar</t>
    <phoneticPr fontId="31" type="noConversion"/>
  </si>
  <si>
    <t>0235C4K3</t>
    <phoneticPr fontId="31" type="noConversion"/>
  </si>
  <si>
    <t>120dB WDR, IP67, HLC,EasyStar</t>
  </si>
  <si>
    <t>0235C4K0</t>
    <phoneticPr fontId="31" type="noConversion"/>
  </si>
  <si>
    <t>IPC3614LE-ADF40K</t>
    <phoneticPr fontId="31" type="noConversion"/>
  </si>
  <si>
    <t>0235C4K1</t>
    <phoneticPr fontId="31" type="noConversion"/>
  </si>
  <si>
    <t>X</t>
    <phoneticPr fontId="25" type="noConversion"/>
  </si>
  <si>
    <t>DWDR,IP67, HLC</t>
    <phoneticPr fontId="25" type="noConversion"/>
  </si>
  <si>
    <t>1/2.7" CMOS, ICR, 1920x1080 30fps,Ultra 265/H.264/MJPEG, Double stream,   DC12V &amp; PoE,  Fixed lens (4mm,6mm), LED range: up to 30m，0.005 Lux min. illumination</t>
    <phoneticPr fontId="25" type="noConversion"/>
  </si>
  <si>
    <t>IPC2C22LE-SF40-WL</t>
    <phoneticPr fontId="25" type="noConversion"/>
  </si>
  <si>
    <t>Easy</t>
    <phoneticPr fontId="31" type="noConversion"/>
  </si>
  <si>
    <t>2MP</t>
    <phoneticPr fontId="31" type="noConversion"/>
  </si>
  <si>
    <t>1/2.7" CMOS,ICR, 1920x1080:30fps, Ultra 265, H.265, H.264, MJPEG, double streams, DC 12V&amp;PoE, Fixed lens(2.8mm,4mm),IR range: up to 30m, 3-Axis</t>
    <phoneticPr fontId="31" type="noConversion"/>
  </si>
  <si>
    <t>120dB WDR, IP67,IK10,HLC</t>
    <phoneticPr fontId="31" type="noConversion"/>
  </si>
  <si>
    <t>1/2.7" CMOS, ICR, 1920x1080:30fps, Ultra 265/H.264/MJPEG, Two streams,   DC12V &amp; PoE, WDR,  IP67, IK10, 2.8-12mm, motorized zoom lens ,IR range: up to 40m.  3-Axis</t>
    <phoneticPr fontId="31" type="noConversion"/>
  </si>
  <si>
    <t>0235C4FK</t>
    <phoneticPr fontId="32" type="noConversion"/>
  </si>
  <si>
    <t>2.8mm, Fixed</t>
    <phoneticPr fontId="23" type="noConversion"/>
  </si>
  <si>
    <t>X</t>
    <phoneticPr fontId="23" type="noConversion"/>
  </si>
  <si>
    <t>Mic</t>
    <phoneticPr fontId="23" type="noConversion"/>
  </si>
  <si>
    <t xml:space="preserve">120dB WDR, IP67,  3-Axis </t>
    <phoneticPr fontId="23" type="noConversion"/>
  </si>
  <si>
    <t xml:space="preserve">1/3" CMOS, ICR, 2592*1520:30fps; 2560*1440:30fps,2304 x 1296:30fps;1920 x 1080:30fps ,Ultra 265/H.264/MJPEG, Triple streams, DC12V &amp; PoE, 120dB WDR, IP67, Fixed lens (2.8mm, 4.0mm), IR range: up to 30m, IR anti-reflection window, 3-Axis </t>
    <phoneticPr fontId="23" type="noConversion"/>
  </si>
  <si>
    <t>0235C449</t>
    <phoneticPr fontId="23" type="noConversion"/>
  </si>
  <si>
    <t>Prime-I</t>
    <phoneticPr fontId="18" type="noConversion"/>
  </si>
  <si>
    <t>IPC3614SR3-ADPF40-F</t>
    <phoneticPr fontId="18" type="noConversion"/>
  </si>
  <si>
    <t>4.0mm, Fixed</t>
    <phoneticPr fontId="23" type="noConversion"/>
  </si>
  <si>
    <t>120dB WDR, IP67,  3-Axis</t>
    <phoneticPr fontId="23" type="noConversion"/>
  </si>
  <si>
    <t>0235C44B</t>
    <phoneticPr fontId="23" type="noConversion"/>
  </si>
  <si>
    <t>IPC3615SR3-ADPF28-F</t>
    <phoneticPr fontId="18" type="noConversion"/>
  </si>
  <si>
    <t xml:space="preserve">1/2.7" CMOS, ICR, 2592*1944: 20fps; 2560*1440: 30fps,2304*1296:30fps ,Ultra 265/H.264/MJPEG, Triple streams, DC12V &amp; PoE, 120dB WDR, IP67, Fixed lens (2.8mm, 4.0mm), IR range: up to 30m, IR anti-reflection window, 3-Axis </t>
    <phoneticPr fontId="23" type="noConversion"/>
  </si>
  <si>
    <t>0235C44C</t>
    <phoneticPr fontId="23" type="noConversion"/>
  </si>
  <si>
    <t>IPC3615SR3-ADPF40-F</t>
    <phoneticPr fontId="18" type="noConversion"/>
  </si>
  <si>
    <t>0235C44A</t>
    <phoneticPr fontId="23" type="noConversion"/>
  </si>
  <si>
    <t>2.7-13.5mm, Motorized</t>
    <phoneticPr fontId="23" type="noConversion"/>
  </si>
  <si>
    <t>120dB WDR, IP67&amp;IK10, HLC, LightHunter，Smart functions</t>
    <phoneticPr fontId="23" type="noConversion"/>
  </si>
  <si>
    <t>1/3" CMOS, ICR, 2688*1520: 30fps; 2560*1440: 30fps, Ultra 265/H.264/MJPEG,  Triple streams, DC12V &amp; PoE,  Micro SD card slot, Alarm in/out 1/1, Audio in/out 1/1, IP67&amp;IK10, 2.7-13.5mm F1.35 Motorized lens, IR anti-reflection window, IR range: up to 40m，LightHunter: 0.002 Lux min. illumination</t>
    <phoneticPr fontId="23" type="noConversion"/>
  </si>
  <si>
    <t>0235C3VL</t>
    <phoneticPr fontId="23" type="noConversion"/>
  </si>
  <si>
    <t xml:space="preserve">120dB WDR, IP67&amp;IK10, 3-Axis, HLC,LightHunter,Smart functions </t>
    <phoneticPr fontId="23" type="noConversion"/>
  </si>
  <si>
    <t>1/3" CMOS, ICR, 2688*1520: 30fps; 2560*1440: 30fps, Ultra 265/H.264/MJPEG,  Triple streams, DC12V &amp; PoE,  Micro SD card slot, Alarm in/out 1/1, Audio in/out 1/1, IP67&amp;IK10, 2.7-13.5mm F1.35 Motorized lens, IR anti-reflection window, Bulit-in bracket, IR range: up to 50m，LightHunter: 0.002 Lux min. illumination</t>
    <phoneticPr fontId="23" type="noConversion"/>
  </si>
  <si>
    <t>0235C3WL</t>
    <phoneticPr fontId="24" type="noConversion"/>
  </si>
  <si>
    <t>0235C40U</t>
    <phoneticPr fontId="24" type="noConversion"/>
  </si>
  <si>
    <t>Prime-IV</t>
    <phoneticPr fontId="31" type="noConversion"/>
  </si>
  <si>
    <t>2.7~13.5mm,F1.35 Motorized</t>
    <phoneticPr fontId="31" type="noConversion"/>
  </si>
  <si>
    <t>1 / 1</t>
    <phoneticPr fontId="31" type="noConversion"/>
  </si>
  <si>
    <t>0235C42R</t>
  </si>
  <si>
    <t>IPC3232SA-DZK</t>
    <phoneticPr fontId="31" type="noConversion"/>
  </si>
  <si>
    <t>120dB WDR,  IP67&amp;IK10,3-Axis,Lighthunter, HLC,
40m IR,Built in AI algorithm</t>
    <phoneticPr fontId="31" type="noConversion"/>
  </si>
  <si>
    <t>1/2.8“ CMOS, ICR, 1920*1080 30fps,Ultra 265/H.264/MJPEG, Triple streams,DC12V &amp; PoE, Micro SD card slot, IP67&amp;IK10 ,Alarm in/out 1/1, Audio in/out 1/1, 120dB WDR,  IR range: up to 40m, 3-Axis, Lighthunter: 0.001Lux min. illumination</t>
    <phoneticPr fontId="31" type="noConversion"/>
  </si>
  <si>
    <t>0235C426</t>
  </si>
  <si>
    <t>IPC3632SA-ADZK</t>
    <phoneticPr fontId="31" type="noConversion"/>
  </si>
  <si>
    <t>1/2.8“ CMOS, ICR, 1920*1080 30fps,Ultra 265/H.264/MJPEG, Triple streams,DC12V &amp; PoE, Micro SD card slot, IP67&amp;IK10 ,Alarm in/out 1/1, Audio in/out 1/1, built-in Mic, 120dB WDR,  IR range: up to 40m, 3-Axis, Lighthunter: 0.001Lux min. illumination</t>
    <phoneticPr fontId="31" type="noConversion"/>
  </si>
  <si>
    <t>0235C42P</t>
  </si>
  <si>
    <t>5MP</t>
    <phoneticPr fontId="31" type="noConversion"/>
  </si>
  <si>
    <t>IPC672LR-ADUPKF40</t>
    <phoneticPr fontId="23" type="noConversion"/>
  </si>
  <si>
    <t>80Mbps</t>
    <phoneticPr fontId="31" type="noConversion"/>
  </si>
  <si>
    <t>48Mbps</t>
    <phoneticPr fontId="23" type="noConversion"/>
  </si>
  <si>
    <t>12-ch , 1 SATA interface, 8 BNC/5MP Lite, Mini 1U, H.265, audio over coaxial, intrusion/crossing line</t>
    <phoneticPr fontId="23" type="noConversion"/>
  </si>
  <si>
    <t>56Mbps</t>
    <phoneticPr fontId="23" type="noConversion"/>
  </si>
  <si>
    <t>XVR302-08Q</t>
    <phoneticPr fontId="23" type="noConversion"/>
  </si>
  <si>
    <t>12-ch , 2 SATA interface, 8 BNC/5MP lite, 1U, H.265, audio over coaxial, intrusion/crossing line</t>
    <phoneticPr fontId="23" type="noConversion"/>
  </si>
  <si>
    <t>Prime-I</t>
    <phoneticPr fontId="31" type="noConversion"/>
  </si>
  <si>
    <t>120dB WDR, IP67,HLC, 3-Axis，LightHunter，Built in AI algorithm</t>
    <phoneticPr fontId="31" type="noConversion"/>
  </si>
  <si>
    <t>1/1</t>
    <phoneticPr fontId="31" type="noConversion"/>
  </si>
  <si>
    <t>0235C4LL</t>
  </si>
  <si>
    <t>0235C4LR</t>
  </si>
  <si>
    <t>IPC2128SB-ADF28KMC-I0</t>
    <phoneticPr fontId="31" type="noConversion"/>
  </si>
  <si>
    <t>IPC3638SB-ADZK-I0</t>
  </si>
  <si>
    <t>120dB WDR, IP67&amp;IK10, Built-in Mic，LightHunter，Built in AI algorithm</t>
    <phoneticPr fontId="31" type="noConversion"/>
  </si>
  <si>
    <t>Prime-III</t>
    <phoneticPr fontId="31" type="noConversion"/>
  </si>
  <si>
    <t>4.0mm, Fixed
F1.0</t>
    <phoneticPr fontId="31" type="noConversion"/>
  </si>
  <si>
    <t>80Mbps</t>
    <phoneticPr fontId="23" type="noConversion"/>
  </si>
  <si>
    <t>NVR301-08LE2-P8</t>
    <phoneticPr fontId="23" type="noConversion"/>
  </si>
  <si>
    <t>0235C4BP</t>
    <phoneticPr fontId="23" type="noConversion"/>
  </si>
  <si>
    <t>NVR301-16LE2-P8</t>
    <phoneticPr fontId="23" type="noConversion"/>
  </si>
  <si>
    <t>0235C4BY</t>
    <phoneticPr fontId="23" type="noConversion"/>
  </si>
  <si>
    <t>64Mbps</t>
    <phoneticPr fontId="23" type="noConversion"/>
  </si>
  <si>
    <t>NVR301-08E2</t>
    <phoneticPr fontId="23" type="noConversion"/>
  </si>
  <si>
    <t>0235C4C2</t>
    <phoneticPr fontId="23" type="noConversion"/>
  </si>
  <si>
    <t>NVR301-08E2-P8</t>
    <phoneticPr fontId="23" type="noConversion"/>
  </si>
  <si>
    <t>0235C4BU</t>
    <phoneticPr fontId="23" type="noConversion"/>
  </si>
  <si>
    <t>NVR301-04S3-P4</t>
    <phoneticPr fontId="31" type="noConversion"/>
  </si>
  <si>
    <t xml:space="preserve">NVR301-08S3  </t>
    <phoneticPr fontId="31" type="noConversion"/>
  </si>
  <si>
    <t xml:space="preserve">NVR301-16S3  </t>
    <phoneticPr fontId="31" type="noConversion"/>
  </si>
  <si>
    <t xml:space="preserve">NVR301-08S3-P8 </t>
    <phoneticPr fontId="31" type="noConversion"/>
  </si>
  <si>
    <t>NVR301-08LS3-P8</t>
    <phoneticPr fontId="31" type="noConversion"/>
  </si>
  <si>
    <t xml:space="preserve">IPC6854SL-X40WUP-VC </t>
    <phoneticPr fontId="19" type="noConversion"/>
  </si>
  <si>
    <t>NVR302-08S2-P8</t>
    <phoneticPr fontId="18" type="noConversion"/>
  </si>
  <si>
    <t>NVR301-16LX-P8</t>
    <phoneticPr fontId="31" type="noConversion"/>
  </si>
  <si>
    <t>16-ch, 1 SATA interface, 8 PoE, Mini 1U, H.265</t>
    <phoneticPr fontId="31" type="noConversion"/>
  </si>
  <si>
    <t>0235C46X</t>
    <phoneticPr fontId="31" type="noConversion"/>
  </si>
  <si>
    <t>1/3" CMOS, ICR, 2688*1520: 30fps; 2560*1440: 25fps, Ultra 265/H.264/MJPEG, Triple streams, DC12V &amp; PoE, IP67&amp;IK10, Fixed lens(6.0mm, 4.0mm), IR range: up to 60m,, Micro SD card slot,  120dB WDR，Alarm in/out 1/1, Audio in/out 1/1, IR anti-reflection window, Bulit-in bracket，LightHunter: 0.003 Lux min. illumination</t>
    <phoneticPr fontId="18" type="noConversion"/>
  </si>
  <si>
    <t>PRIME-III</t>
    <phoneticPr fontId="31" type="noConversion"/>
  </si>
  <si>
    <t>IPC314SB-ADF28K-M12-I0</t>
  </si>
  <si>
    <t>IPC312SB-ADF28K-I0</t>
    <phoneticPr fontId="18" type="noConversion"/>
  </si>
  <si>
    <t>IPC3612LB-ADF40K-G</t>
    <phoneticPr fontId="31" type="noConversion"/>
  </si>
  <si>
    <t>IPC322LB-DSF40K-G</t>
    <phoneticPr fontId="31" type="noConversion"/>
  </si>
  <si>
    <t>IPC3612LB-ADF28K-G</t>
    <phoneticPr fontId="31" type="noConversion"/>
  </si>
  <si>
    <t>4+1 NVR KIT</t>
  </si>
  <si>
    <t>4+1 NVR WIFI KIT</t>
  </si>
  <si>
    <t>IPC322LB-DSF28K-G</t>
    <phoneticPr fontId="31" type="noConversion"/>
  </si>
  <si>
    <t>IPC2122LB-ADF28KM-G</t>
    <phoneticPr fontId="31" type="noConversion"/>
  </si>
  <si>
    <t>IPC2122LB-ADF40KM-G</t>
    <phoneticPr fontId="31" type="noConversion"/>
  </si>
  <si>
    <t>IPC3532LB-ADZK-G</t>
    <phoneticPr fontId="18" type="noConversion"/>
  </si>
  <si>
    <t>IPC3532LB-DSZK</t>
    <phoneticPr fontId="31" type="noConversion"/>
  </si>
  <si>
    <t>IPC3534LB-ADZK-G</t>
    <phoneticPr fontId="18" type="noConversion"/>
  </si>
  <si>
    <t>Pro IPC</t>
    <phoneticPr fontId="25" type="noConversion"/>
  </si>
  <si>
    <t>Pro NVR</t>
    <phoneticPr fontId="25" type="noConversion"/>
  </si>
  <si>
    <t>Pro PTZ</t>
    <phoneticPr fontId="25" type="noConversion"/>
  </si>
  <si>
    <t>Pro NVR</t>
    <phoneticPr fontId="18" type="noConversion"/>
  </si>
  <si>
    <t>Prime-II</t>
    <phoneticPr fontId="33" type="noConversion"/>
  </si>
  <si>
    <t>IPC815SR-DVSPF14</t>
    <phoneticPr fontId="33" type="noConversion"/>
  </si>
  <si>
    <t>5MP</t>
    <phoneticPr fontId="33" type="noConversion"/>
  </si>
  <si>
    <t>1.4mm, Fixed</t>
    <phoneticPr fontId="33" type="noConversion"/>
  </si>
  <si>
    <t>120dB WDR, IP66 &amp; IK10</t>
  </si>
  <si>
    <t>1/2.8" CMOS, ICR,  Ultra 265, 360° panoramic, DC 12V &amp; PoE, 120dB WDR, Micro SD card slot, IP66 &amp;IK10, 1.4mm fixed lens, IR range: 10m, IR anti-reflection window</t>
    <phoneticPr fontId="33" type="noConversion"/>
  </si>
  <si>
    <t>0235C3H8</t>
    <phoneticPr fontId="33" type="noConversion"/>
  </si>
  <si>
    <t>IPC868ER-VF18-B</t>
  </si>
  <si>
    <t>Pro</t>
  </si>
  <si>
    <t>1.8mm, Fixed</t>
  </si>
  <si>
    <t>NA</t>
  </si>
  <si>
    <t xml:space="preserve"> IP66 &amp; IK10, Mic &amp; Speaker</t>
  </si>
  <si>
    <t>0235C2ND</t>
  </si>
  <si>
    <t>2U 8 HDDs Mini SAS Disk Enclosure</t>
  </si>
  <si>
    <t>3U 16 HDDs Mini SAS Disk Enclosure</t>
  </si>
  <si>
    <t>Redundant Power Supply</t>
  </si>
  <si>
    <t xml:space="preserve"> VMS</t>
    <phoneticPr fontId="25" type="noConversion"/>
  </si>
  <si>
    <t>IPC6412LR-X5P</t>
    <phoneticPr fontId="19" type="noConversion"/>
  </si>
  <si>
    <t>0235C3LX</t>
  </si>
  <si>
    <t>KIT/NVR301-04LS2-W/4*IPC322SR3-VSF28W-D</t>
    <phoneticPr fontId="31" type="noConversion"/>
  </si>
  <si>
    <t>NVR516-64</t>
  </si>
  <si>
    <t>NVR516-128</t>
  </si>
  <si>
    <t>0235C4N0</t>
    <phoneticPr fontId="31" type="noConversion"/>
  </si>
  <si>
    <t>IPC3234SA-DZK</t>
  </si>
  <si>
    <t>NVR302-09S2</t>
  </si>
  <si>
    <t>NVR302-16S2</t>
  </si>
  <si>
    <t>C1L-2WN-G</t>
    <phoneticPr fontId="18" type="noConversion"/>
  </si>
  <si>
    <t>KIT/NVR301-04LS3-P4/4*IPC2122LB-ADF40KM-G</t>
  </si>
  <si>
    <t>NVR304-32X</t>
  </si>
  <si>
    <t>NVR308-64X</t>
  </si>
  <si>
    <t>IPC324LR3-VSPF28-D</t>
    <phoneticPr fontId="18" type="noConversion"/>
  </si>
  <si>
    <t>40Mbps</t>
  </si>
  <si>
    <t>4 x 1080P@25
2 x 4MP@25
1 x 5MP@30</t>
  </si>
  <si>
    <t>0/1</t>
  </si>
  <si>
    <t>50Mbps</t>
  </si>
  <si>
    <t>0235C3KE</t>
  </si>
  <si>
    <t>NVR301-04S2</t>
  </si>
  <si>
    <t>4-ch, 1 SATA interface,Mini 1U, H.265</t>
  </si>
  <si>
    <t>0235C3JS</t>
  </si>
  <si>
    <t>NVR301-08S2</t>
  </si>
  <si>
    <t>8-ch, 1 SATA interface,Mini 1U, H.265</t>
  </si>
  <si>
    <t>0235C3JU</t>
  </si>
  <si>
    <t>0235C3KG</t>
  </si>
  <si>
    <t>16/4</t>
    <phoneticPr fontId="23" type="noConversion"/>
  </si>
  <si>
    <t>1.5U</t>
    <phoneticPr fontId="23" type="noConversion"/>
  </si>
  <si>
    <t>0235C4A9</t>
    <phoneticPr fontId="23" type="noConversion"/>
  </si>
  <si>
    <t>NVR304-32S-P16</t>
    <phoneticPr fontId="23" type="noConversion"/>
  </si>
  <si>
    <t xml:space="preserve">32-ch, 4 SATA interface, 1.5U, H.265&amp;4K, 16 PoE </t>
    <phoneticPr fontId="23" type="noConversion"/>
  </si>
  <si>
    <t>160Mbps</t>
    <phoneticPr fontId="23" type="noConversion"/>
  </si>
  <si>
    <t>0235C4AA</t>
    <phoneticPr fontId="23" type="noConversion"/>
  </si>
  <si>
    <t>NVR304-16S-P16</t>
    <phoneticPr fontId="23" type="noConversion"/>
  </si>
  <si>
    <t>16-ch, 4 SATA interface, 1.5U, H.265&amp;4K, 16 PoE</t>
    <phoneticPr fontId="23" type="noConversion"/>
  </si>
  <si>
    <t>160Mbps</t>
    <phoneticPr fontId="23" type="noConversion"/>
  </si>
  <si>
    <t>Prime</t>
    <phoneticPr fontId="18" type="noConversion"/>
  </si>
  <si>
    <t>IPC2314SB-ADF60KM-I0</t>
  </si>
  <si>
    <t>IPC2315SB-ADF60KM-I0</t>
  </si>
  <si>
    <t>IPC262ER9-X10DU</t>
    <phoneticPr fontId="31" type="noConversion"/>
  </si>
  <si>
    <t>IPC252ERA-X22DUG</t>
    <phoneticPr fontId="21" type="noConversion"/>
  </si>
  <si>
    <t xml:space="preserve">IPC6612SR-X33-VG </t>
  </si>
  <si>
    <t>IPC6852ER-X45-VF</t>
  </si>
  <si>
    <t>KIT/NVR301-08LS2-W/4*IPC322SR3-VSF28W-D</t>
    <phoneticPr fontId="31" type="noConversion"/>
  </si>
  <si>
    <t>Easy</t>
    <phoneticPr fontId="31" type="noConversion"/>
  </si>
  <si>
    <t>2MP</t>
    <phoneticPr fontId="31" type="noConversion"/>
  </si>
  <si>
    <t>1/2.7" CMOS,ICR, 1920x1080:30fps, Ultra 265, H.265, H.264, MJPEG, double streams, DC 12V&amp;PoE, Fixed lens(2.8mm,4mm),IR range: up to 30m, 3-Axis</t>
    <phoneticPr fontId="31" type="noConversion"/>
  </si>
  <si>
    <t>IPC322LB-DSF28K</t>
    <phoneticPr fontId="31" type="noConversion"/>
  </si>
  <si>
    <t>120dB WDR, IP67&amp;IK10, HLC</t>
    <phoneticPr fontId="31" type="noConversion"/>
  </si>
  <si>
    <t>0235C4FQ</t>
    <phoneticPr fontId="31" type="noConversion"/>
  </si>
  <si>
    <t>IPC2123LB-AF28KM-G</t>
    <phoneticPr fontId="18" type="noConversion"/>
  </si>
  <si>
    <t>IPC2123LB-AF40KM-G</t>
    <phoneticPr fontId="18" type="noConversion"/>
  </si>
  <si>
    <t>IPC323LB-SF28K-G</t>
    <phoneticPr fontId="18" type="noConversion"/>
  </si>
  <si>
    <t>IPC323LB-SF40K-G</t>
    <phoneticPr fontId="18" type="noConversion"/>
  </si>
  <si>
    <t>IPC3613LB-AF28K-G</t>
    <phoneticPr fontId="18" type="noConversion"/>
  </si>
  <si>
    <t>IPC3613LB-AF40K-G</t>
    <phoneticPr fontId="18" type="noConversion"/>
  </si>
  <si>
    <t>1/2.7" CMOS, ICR, 1920x1080:30fps, Ultra 265/H.264/MJPEG, Triple stream,   DC12V &amp; PoE, DWDR,  IP67,2.8-12mm, Manual, IR range: up to 30m. Bulit-in bracket.</t>
    <phoneticPr fontId="18" type="noConversion"/>
  </si>
  <si>
    <t>X</t>
    <phoneticPr fontId="18" type="noConversion"/>
  </si>
  <si>
    <t>IPC2324LBR3-SPZ28-D</t>
    <phoneticPr fontId="18" type="noConversion"/>
  </si>
  <si>
    <t>Easy</t>
    <phoneticPr fontId="31" type="noConversion"/>
  </si>
  <si>
    <t>IPC2322LB-ADZK</t>
    <phoneticPr fontId="31" type="noConversion"/>
  </si>
  <si>
    <t>2MP</t>
    <phoneticPr fontId="31" type="noConversion"/>
  </si>
  <si>
    <t>120dB WDR, IP67,HLC</t>
    <phoneticPr fontId="31" type="noConversion"/>
  </si>
  <si>
    <t>1/2.7" CMOS, ICR, 1920x1080:30fps, Ultra 265/H.264/MJPEG, Two streams,   DC12V &amp; PoE, WDR,  IP67, 2.8-12mm,motorized zoom lens ,IR range: up to 50m.  3-Axis</t>
    <phoneticPr fontId="31" type="noConversion"/>
  </si>
  <si>
    <t>0235C4NH</t>
    <phoneticPr fontId="32" type="noConversion"/>
  </si>
  <si>
    <t>1/2.7" CMOS, ICR, 2592x1944:20fps, Ultra 265/H.264/MJPEG, Dual stream,DWDR,  DC12V &amp; PoE, IP67,2.8-12mm Manual, IR range: up to 30m.  Bulit-in bracket.</t>
    <phoneticPr fontId="18" type="noConversion"/>
  </si>
  <si>
    <t>1/2.7" CMOS, ICR, 2592x1944:20fps, Ultra 265/H.264/MJPEG, Dual stream,DWDR,  DC12V &amp; PoE, IP67,2.8-12mm Motorized, IR range: up to 30m.  Bulit-in bracket.</t>
    <phoneticPr fontId="18" type="noConversion"/>
  </si>
  <si>
    <t>1/2.7" CMOS, ICR, 2592x1944:20fps, Ultra 265/H.264/MJPEG, Dual stream,   DC12V &amp; PoE,DWDR,  IP67,2.8-12mm, Manual, IR range: up to 30m.  3-Axis</t>
    <phoneticPr fontId="18" type="noConversion"/>
  </si>
  <si>
    <t>1/2.7" CMOS, ICR, 2592x1944:20fps, Ultra 265/H.264/MJPEG, Dual stream,   DC12V &amp; PoE, DWDR,  IP67,2.8-12mm, Motorized ,IR range: up to 30m.  3-Axis</t>
    <phoneticPr fontId="18" type="noConversion"/>
  </si>
  <si>
    <t>2.8mm, Fixed</t>
    <phoneticPr fontId="31" type="noConversion"/>
  </si>
  <si>
    <t>√</t>
    <phoneticPr fontId="31" type="noConversion"/>
  </si>
  <si>
    <t>120dB WDR, IP67,IK10, HLC,EasyStar</t>
    <phoneticPr fontId="31" type="noConversion"/>
  </si>
  <si>
    <t>0235C4Y1</t>
    <phoneticPr fontId="31" type="noConversion"/>
  </si>
  <si>
    <t>0235C4Y2</t>
    <phoneticPr fontId="31" type="noConversion"/>
  </si>
  <si>
    <t>3MP</t>
    <phoneticPr fontId="31" type="noConversion"/>
  </si>
  <si>
    <t>1/2.7" CMOS, ICR, 2304 x1296:25fps, Ultra 265/H.264/MJPEG, Two stream,   DC12V &amp; PoE,  Fixed lens (2.8mm,4.0mm), IR range: up to 30m</t>
    <phoneticPr fontId="31" type="noConversion"/>
  </si>
  <si>
    <t>0235C4XM</t>
    <phoneticPr fontId="32" type="noConversion"/>
  </si>
  <si>
    <t>0235C4XL</t>
    <phoneticPr fontId="32" type="noConversion"/>
  </si>
  <si>
    <t>DWDR,IP67&amp;IK10,HLC</t>
    <phoneticPr fontId="31" type="noConversion"/>
  </si>
  <si>
    <t xml:space="preserve">1/2.7" CMOS, ICR,2304x1296:25fps, Ultra 265/H.264/MJPEG, Two stream,   DC12V &amp; PoE,Fixed lens (2.8mm,4.0mm), IR range: up to 30m, 3-Axis </t>
    <phoneticPr fontId="31" type="noConversion"/>
  </si>
  <si>
    <t>0235C4XJ</t>
    <phoneticPr fontId="32" type="noConversion"/>
  </si>
  <si>
    <t>0235C4XG</t>
    <phoneticPr fontId="32" type="noConversion"/>
  </si>
  <si>
    <t>1/2.7" CMOS, ICR,2304x1296:25fps, Ultra 265/H.264/MJPEG, Two streams,   DC12V &amp; PoE,  Fixed lens (2.8mm,4mm), IR range: up to 30m, 3-Axis</t>
    <phoneticPr fontId="31" type="noConversion"/>
  </si>
  <si>
    <t>0235C4XH</t>
    <phoneticPr fontId="32" type="noConversion"/>
  </si>
  <si>
    <t>0235C4XK</t>
    <phoneticPr fontId="32" type="noConversion"/>
  </si>
  <si>
    <t>120dB WDR,IP67&amp;IK10, HLC</t>
    <phoneticPr fontId="31" type="noConversion"/>
  </si>
  <si>
    <t>0235C4Y7</t>
    <phoneticPr fontId="31" type="noConversion"/>
  </si>
  <si>
    <t>0235C4Y9</t>
    <phoneticPr fontId="31" type="noConversion"/>
  </si>
  <si>
    <t>120dB WDR,IP67, HLC</t>
    <phoneticPr fontId="31" type="noConversion"/>
  </si>
  <si>
    <t>0235C4Y8</t>
    <phoneticPr fontId="31" type="noConversion"/>
  </si>
  <si>
    <t>0235C4YA</t>
    <phoneticPr fontId="31" type="noConversion"/>
  </si>
  <si>
    <t>IPC2325LB-ADZK-G</t>
    <phoneticPr fontId="31" type="noConversion"/>
  </si>
  <si>
    <t>IPC3535LB-ADZK-G</t>
    <phoneticPr fontId="31" type="noConversion"/>
  </si>
  <si>
    <t>IPC3635LB-ADZK-G</t>
    <phoneticPr fontId="31" type="noConversion"/>
  </si>
  <si>
    <t>0235C5DM</t>
  </si>
  <si>
    <t>0235C5DK</t>
  </si>
  <si>
    <t>0235C5DL</t>
  </si>
  <si>
    <t>IPC3634LB-ADZK-G</t>
    <phoneticPr fontId="31" type="noConversion"/>
  </si>
  <si>
    <t>120dB WDR,HLC,IP67&amp;IK10,  3-Axis</t>
    <phoneticPr fontId="18" type="noConversion"/>
  </si>
  <si>
    <t>1/3" CMOS, ICR, 4MP (2592*1520), Max 30fps; 4MP (2560*1440), Max 30fps; 3MP (2304*1296), Max 30fps; 1080P (1920*1080), Max 30fps; Ultra 265/H.264/MJPEG, Triple streams ,DC12V &amp; PoE, 120dB WDR, 2.8-12mm Motorized Varifocal lens,Alarm in/out 1/1, Audio, IR range: up to 30m, IR anti-reflection window, Micro SD card slot</t>
    <phoneticPr fontId="18" type="noConversion"/>
  </si>
  <si>
    <t>0235C3QV</t>
    <phoneticPr fontId="18" type="noConversion"/>
  </si>
  <si>
    <t>1/2.7" CMOS, ICR, 5MP (2592*1944), Max 20fps; 4MP (2560*1440), Max 30fps; 3MP (2304*1296), Max 30fps; 1080P (1920*1080), Max 30fps;Ultra 265/H.264/MJPEG, Triple streams ,DC12V &amp; PoE, 120dB WDR, 2.8-12mm Motorized Varifocal lens,Alarm in/out 1/1, Audio, IR range: up to 30m, IR anti-reflection window, Micro SD card slot</t>
    <phoneticPr fontId="18" type="noConversion"/>
  </si>
  <si>
    <t>0235C3QU</t>
    <phoneticPr fontId="18" type="noConversion"/>
  </si>
  <si>
    <t>120dB WDR,  HLC, IP67,  3-Axis,Built-in Mic</t>
    <phoneticPr fontId="18" type="noConversion"/>
  </si>
  <si>
    <t>1/3" CMOS, ICR,  4MP (2592*1520), Max 30fps; 4MP (2560*1440), Max 30fps; 3MP (2304*1296), Max 30fps; 1080P (1920*1080), Max 30fps; Ultra 265/H.264/MJPEG, Triple streams ,DC12V &amp; PoE, 120dB WDR, IP67, 2.8-12mm Motorized Varifocal lens, Bulit-in Mic,IR range: up to 30m, IR anti-reflection window, Micro SD card slot</t>
    <phoneticPr fontId="18" type="noConversion"/>
  </si>
  <si>
    <t>0235C3QY</t>
    <phoneticPr fontId="18" type="noConversion"/>
  </si>
  <si>
    <t>1/2.7" CMOS, ICR, 5MP (2592*1944), Max 20fps; 4MP (2560*1440), Max 30fps; 3MP (2304*1296), Max 30fps; 1080P (1920*1080), Max 30fps; Ultra 265/H.264/MJPEG, Triple streams ,DC12V &amp; PoE, 120dB WDR, IP67, 2.8-12mm Motorized Varifocal lens, Bulit-in Mic,IR range: up to 30m, IR anti-reflection window, Micro SD card slot</t>
    <phoneticPr fontId="18" type="noConversion"/>
  </si>
  <si>
    <t>0235C3QX</t>
    <phoneticPr fontId="18" type="noConversion"/>
  </si>
  <si>
    <t>1/2.7" CMOS, ICR,  5MP (2592*1944), Max 20fps; 4MP (2560*1440), Max 30fps; 3MP (2304*1296), Max 30fps; 1080P (1920*1080), Max 30fps;  Ultra 265/H.264/MJPEG, Triple streams ,DC12V &amp; PoE, 120dB WDR, IP67, 2.8-12mm Motorized Varifocal lens, Alarm in/out 1/1, Audio,IR range: up to 50m, IR anti-reflection window, Micro SD card slot</t>
    <phoneticPr fontId="18" type="noConversion"/>
  </si>
  <si>
    <t>0235C3UK</t>
    <phoneticPr fontId="18" type="noConversion"/>
  </si>
  <si>
    <t>1/3" CMOS, ICR, 4MP (2592*1520), Max 30fps; 4MP (2560*1440), Max 30fps; 3MP (2304*1296), Max 30fps; 1080P (1920*1080), Max 30fps; Ultra 265/H.264/MJPEG, Triple streams ,DC12V &amp; PoE, 120dB WDR, F2.8-12mm Motorized Varifocal lens,Alarm in/out 1/1, Audio, IR range: up to 30m, IR anti-reflection window, Micro SD card slot,cable free</t>
    <phoneticPr fontId="18" type="noConversion"/>
  </si>
  <si>
    <t>0235C3QW</t>
    <phoneticPr fontId="18" type="noConversion"/>
  </si>
  <si>
    <t>1/2.8" CMOS, ICR, 2MP (1920*1080), Max 30fps; 720P (1280*720),Max 30fps, D1 (720*576), Max 30fps; Ultra 265/H.264/MJPEG, Triple streams ,DC12V &amp; PoE, 120dB WDR, (2.8mm, 4 mm) fixed lens, IR range: up to 40m, Micro SD card slot,IR anti-reflection window，LightHunter: 0.001 Lux min. illumination</t>
    <phoneticPr fontId="31" type="noConversion"/>
  </si>
  <si>
    <t>0235C4TJ</t>
    <phoneticPr fontId="31" type="noConversion"/>
  </si>
  <si>
    <t>0235C4TK</t>
    <phoneticPr fontId="31" type="noConversion"/>
  </si>
  <si>
    <t>120dB WDR, IP66&amp;IK10, HLC, 3-Axis</t>
    <phoneticPr fontId="18" type="noConversion"/>
  </si>
  <si>
    <t>Prime-I</t>
    <phoneticPr fontId="31" type="noConversion"/>
  </si>
  <si>
    <t>IPC2122SB-ADF28KM-I0</t>
    <phoneticPr fontId="31" type="noConversion"/>
  </si>
  <si>
    <t>IPC2122SB-ADF40KM-I0</t>
    <phoneticPr fontId="31" type="noConversion"/>
  </si>
  <si>
    <t>1/2.8" CMOS, ICR, 1920*1080: 30fps;1280*720: 30fps, 720*576 :30fps,640*360:30fps Ultra 265/H.265/H.264/MJPEG, Triple streams ,DC12V &amp; PoE, 120dB WDR, IP67, IK10, fixed lens 2.8mm, IR range: up to 30m,  Bulit-in Mic, Micro SD card slot，LightHunter: 0.001 Lux min. illumination</t>
    <phoneticPr fontId="31" type="noConversion"/>
  </si>
  <si>
    <t>0235C50B</t>
    <phoneticPr fontId="32" type="noConversion"/>
  </si>
  <si>
    <t>4MP</t>
    <phoneticPr fontId="31" type="noConversion"/>
  </si>
  <si>
    <t>IPC314SB-ADF28K-I0</t>
    <phoneticPr fontId="18" type="noConversion"/>
  </si>
  <si>
    <t>120dB WDR, IP67&amp;IK10, Built-in Mic，LightHunter，Built in AI algorithm</t>
    <phoneticPr fontId="31" type="noConversion"/>
  </si>
  <si>
    <t>1/3" CMOS, ICR, 2688*1520: 30fps;2560*1440: 30fps, 2304*1296:30fps,1920*1080:30fps Ultra 265/H.265/H.264/MJPEG, Triple streams ,DC12V &amp; PoE, 120dB WDR, IP67, IK10, fixed lens 2.8mm, IR range: up to 30m,  Bulit-in Mic, Micro SD card slot，LightHunter: 0.003 Lux min. illumination</t>
    <phoneticPr fontId="31" type="noConversion"/>
  </si>
  <si>
    <t>0235C50C</t>
    <phoneticPr fontId="32" type="noConversion"/>
  </si>
  <si>
    <t>1/3" CMOS, ICR, 2688*1520: 30fps; 2560*1440: 30fps, 2304*1296:30fps,1920*1080:30fps Ultra 265/H.265/H.264/MJPEG, Triple streams ,DC12V &amp; PoE, 120dB WDR, IP67, IK10, fixed lens 2.8mm, IR range: up to 30m,  Bulit-in Mic, Micro SD card slot，LightHunter: 0.003 Lux min. illumination</t>
    <phoneticPr fontId="31" type="noConversion"/>
  </si>
  <si>
    <t>0235C50A</t>
    <phoneticPr fontId="32" type="noConversion"/>
  </si>
  <si>
    <t>IPC815SB-ADF14K-I0</t>
    <phoneticPr fontId="31" type="noConversion"/>
  </si>
  <si>
    <t>IPC2124SB-ADF40KMC-I0</t>
    <phoneticPr fontId="31" type="noConversion"/>
  </si>
  <si>
    <t>IPC2125SB-ADF28KMC-I0</t>
    <phoneticPr fontId="31" type="noConversion"/>
  </si>
  <si>
    <t>IPC2124SB-ADF28KMC-I0</t>
    <phoneticPr fontId="31" type="noConversion"/>
  </si>
  <si>
    <t>8MP</t>
    <phoneticPr fontId="31" type="noConversion"/>
  </si>
  <si>
    <t>2.8mm, Fixed</t>
    <phoneticPr fontId="31" type="noConversion"/>
  </si>
  <si>
    <t>5MP</t>
    <phoneticPr fontId="31" type="noConversion"/>
  </si>
  <si>
    <t>120dB WDR, IP67&amp;IK10，HLC, 3-Axis，LightHunter，Built in AI algorithm</t>
    <phoneticPr fontId="31" type="noConversion"/>
  </si>
  <si>
    <t>120dB WDR, IP67，HLC, 3-Axis，Built in AI algorithm</t>
    <phoneticPr fontId="31" type="noConversion"/>
  </si>
  <si>
    <t>1/2.7" CMOS, ICR, 8MP (3840*2160), Max 20fps; 4MP (2560*1440), Max 25fps; 1080P (1920*1080), Max 30fps; Ultra 265/H.265/H.264/MJPEG, Triple streams ,DC12V &amp; PoE, 120dB WDR, （2.8mm,4mm） fixed lens, IR range: up to 30m, IR anti-reflection window, Micro SD card slot</t>
    <phoneticPr fontId="31" type="noConversion"/>
  </si>
  <si>
    <t>0235C4LJ</t>
    <phoneticPr fontId="32" type="noConversion"/>
  </si>
  <si>
    <t>0235C4LK</t>
    <phoneticPr fontId="32" type="noConversion"/>
  </si>
  <si>
    <t>120dB WDR, IP67, Built-in Mic，Built in AI algorithm</t>
    <phoneticPr fontId="31" type="noConversion"/>
  </si>
  <si>
    <t>1/2.7" CMOS, ICR, 3840*2160: 20fps; 2560*1440: 30fps, 1920 x 1080:30fps Ultra 265/H.264/MJPEG, Triple streams ,DC12V &amp; PoE, 120dB WDR, IP67, (2.8mm,4mm)fixed lens, IR range: up to 30m, IR anti-reflection window, Bulit-in Mic, Micro SD card slot</t>
    <phoneticPr fontId="31" type="noConversion"/>
  </si>
  <si>
    <t>0235C4RC</t>
    <phoneticPr fontId="32" type="noConversion"/>
  </si>
  <si>
    <t>0235C4RB</t>
    <phoneticPr fontId="32" type="noConversion"/>
  </si>
  <si>
    <t>IPC2328SB-DZK-I0</t>
    <phoneticPr fontId="31" type="noConversion"/>
  </si>
  <si>
    <t>8MP</t>
    <phoneticPr fontId="31" type="noConversion"/>
  </si>
  <si>
    <t>2.8~ 12mm，F1.6 Motorized</t>
    <phoneticPr fontId="31" type="noConversion"/>
  </si>
  <si>
    <t>1/2.8" CMOS, ICR, 8MP (3840*2160), Max 20fps; 4MP (2560*1440), Max 25fps; 1080P (1920*1080), Max 30fps; Ultra 265/H.265/H.264/MJPEG, Triple streams ,DC12V &amp; PoE, 120dB WDR, 2.8-12mm motorized lens, IR range: up to 50m, Micro SD card slot，LightHunter: 0.003 Lux min. illumination</t>
    <phoneticPr fontId="31" type="noConversion"/>
  </si>
  <si>
    <t>0235C4NS</t>
    <phoneticPr fontId="32" type="noConversion"/>
  </si>
  <si>
    <t>IPC3238SB-ADZK-I0</t>
    <phoneticPr fontId="31" type="noConversion"/>
  </si>
  <si>
    <t>2.8~ 12mm，F1.6 Motorized</t>
    <phoneticPr fontId="31" type="noConversion"/>
  </si>
  <si>
    <t>1/2.8" CMOS, ICR, 8MP (3840*2160), Max 20fps; 4MP (2560*1440), Max 25fps; 1080P (1920*1080), Max 30fps; Ultra 265/H.265/H.264/MJPEG, Triple streams ,DC12V &amp; PoE, 120dB WDR, 2.8-12mm motorized lens, IR range: up to 40m, Micro SD card slot，LightHunter: 0.003 Lux min. illumination</t>
    <phoneticPr fontId="31" type="noConversion"/>
  </si>
  <si>
    <t>0235C4NU</t>
    <phoneticPr fontId="32" type="noConversion"/>
  </si>
  <si>
    <t>2.8-12mm, F1.6 Motorized</t>
    <phoneticPr fontId="31" type="noConversion"/>
  </si>
  <si>
    <t>120dB WDR, IP67&amp;IK10, Built-in Mic，LightHunter，Built in AI algorithm</t>
    <phoneticPr fontId="31" type="noConversion"/>
  </si>
  <si>
    <t>1/3" CMOS, ICR, 2688*1520: 30fps; 2560*1440: 30fps, 2304*1296 :30fps,1920 x 1080:30fps Ultra 265/H.264/MJPEG, Triple streams ,DC12V &amp; PoE, 120dB WDR, IP67, motorized zoom lens 2.8-12mm, IR range: up to 40m,  Bulit-in Mic, Micro SD card slot，LightHunter: 0.003 Lux min. illumination</t>
    <phoneticPr fontId="31" type="noConversion"/>
  </si>
  <si>
    <t>0235C4NT</t>
    <phoneticPr fontId="32" type="noConversion"/>
  </si>
  <si>
    <t>120dB WDR, IP67, Mic，ColorHunter，Built in AI algorithm</t>
    <phoneticPr fontId="31" type="noConversion"/>
  </si>
  <si>
    <t>1/2.7" CMOS, ICR, 5MP (2880*1620), Max 25fps; 4MP (2560*1440), Max 25fps; 2MP(1920*1080), Max 30fps; Ultra 265/H.265/H.264/MJPEG, Triple streams ,DC12V &amp; PoE, 120dB WDR, 4mm fixed lens, IR range: up to 30m, IR anti-reflection window, Micro SD card slot，0.001 Lux min. illumination</t>
    <phoneticPr fontId="31" type="noConversion"/>
  </si>
  <si>
    <t>0235C4NX</t>
    <phoneticPr fontId="18" type="noConversion"/>
  </si>
  <si>
    <t>6mm, Fixed
F1.0</t>
    <phoneticPr fontId="31" type="noConversion"/>
  </si>
  <si>
    <t>1/2.7" CMOS, ICR, 5MP (2880*1620), Max 25fps; 4MP (2560*1440), Max 25fps; 2MP(1920*1080), Max 30fps; Ultra 265/H.265/H.264/MJPEG, Triple streams ,DC12V &amp; PoE, 120dB WDR, 6mm fixed lens, IR range: up to 30m, IR anti-reflection window, Micro SD card slot，0.001 Lux min. illumination</t>
    <phoneticPr fontId="31" type="noConversion"/>
  </si>
  <si>
    <t>0235C4NY</t>
    <phoneticPr fontId="18" type="noConversion"/>
  </si>
  <si>
    <t>2.8mm, Fixed
F1.0</t>
    <phoneticPr fontId="31" type="noConversion"/>
  </si>
  <si>
    <t>1/2.7" CMOS, ICR, 5MP (2880*1620), Max 25fps; 4MP (2560*1440), Max 25fps; 2MP(1920*1080), Max 30fps; Ultra 265/H.265/H.264/MJPEG, Triple streams ,DC12V &amp; PoE, 120dB WDR, 2.8mm fixed lens, IR range: up to 30m, Micro SD card slot，0.001 Lux min. illumination</t>
    <phoneticPr fontId="31" type="noConversion"/>
  </si>
  <si>
    <t>0235C4M8</t>
    <phoneticPr fontId="18" type="noConversion"/>
  </si>
  <si>
    <t>IPC3615SE-ADF40KM-WL-I0</t>
    <phoneticPr fontId="31" type="noConversion"/>
  </si>
  <si>
    <t>4.0mm, Fixed
F1.0</t>
    <phoneticPr fontId="31" type="noConversion"/>
  </si>
  <si>
    <t>1/2.7" CMOS, ICR, 5MP (2880*1620), Max 25fps; 4MP (2560*1440), Max 25fps; 2MP(1920*1080), Max 30fps; Ultra 265/H.265/H.264/MJPEG, Triple streams ,DC12V &amp; PoE, 120dB WDR, 4 mm fixed lens, IR range: up to 30m, Micro SD card slot，0.001 Lux min. illumination</t>
    <phoneticPr fontId="31" type="noConversion"/>
  </si>
  <si>
    <t>0235C4M6</t>
    <phoneticPr fontId="18" type="noConversion"/>
  </si>
  <si>
    <t>4MP</t>
    <phoneticPr fontId="18" type="noConversion"/>
  </si>
  <si>
    <t>Prime-IV</t>
    <phoneticPr fontId="31" type="noConversion"/>
  </si>
  <si>
    <t>IPC2224SA-DF40K</t>
    <phoneticPr fontId="18" type="noConversion"/>
  </si>
  <si>
    <t>IPC3534SA-DF28K</t>
    <phoneticPr fontId="18" type="noConversion"/>
  </si>
  <si>
    <t>IPC3534SA-DF40K</t>
    <phoneticPr fontId="18" type="noConversion"/>
  </si>
  <si>
    <t>IPC2A22SA-DZK</t>
    <phoneticPr fontId="31" type="noConversion"/>
  </si>
  <si>
    <t>2MP</t>
    <phoneticPr fontId="31" type="noConversion"/>
  </si>
  <si>
    <t>2.7~13.5mm,F1.35 Motorized</t>
    <phoneticPr fontId="31" type="noConversion"/>
  </si>
  <si>
    <t>1 / 1</t>
    <phoneticPr fontId="31" type="noConversion"/>
  </si>
  <si>
    <t>120dB WDR,  IP67&amp;IK10,3-Axis,Lighthunter, HLC,
50m IR,Built in AI algorithm</t>
    <phoneticPr fontId="31" type="noConversion"/>
  </si>
  <si>
    <t>1/2.8“ CMOS, ICR, 1920*1080 30fps,Ultra 265/H.264/MJPEG, Triple streams,DC12V &amp; PoE, Micro SD card slot, IP67&amp;IK10 ,Alarm in/out 1/1, Audio in/out 1/1, 120dB WDR,  IR range: up to 50m, 3-Axis, Lighthunter: 0.001Lux min. illumination</t>
    <phoneticPr fontId="31" type="noConversion"/>
  </si>
  <si>
    <t>IPC6322SR-X33UP-D</t>
    <phoneticPr fontId="31" type="noConversion"/>
  </si>
  <si>
    <t>120dB WDR, IP66, 33X optical zoom, HLC, PoE
Smart functions, EIS, auto-tracking</t>
    <phoneticPr fontId="31" type="noConversion"/>
  </si>
  <si>
    <t>1/2.8" CMOS, ICR, 1920x1080:60fps, Ultra 265/H.264/MJPEG, Triple streams, DC12V/PoE(PSE Required), Micro SD card slot, Alarm in/out 2/1, Audio, -40-65℃, IP66, 33x optical zoom( 4.5~ 148.5mm), IR range: up to 150m, IR anti-reflection window,BNC</t>
    <phoneticPr fontId="31" type="noConversion"/>
  </si>
  <si>
    <t>0235C4JX</t>
    <phoneticPr fontId="31" type="noConversion"/>
  </si>
  <si>
    <t xml:space="preserve">IPC6612SR-X25-VG </t>
    <phoneticPr fontId="19" type="noConversion"/>
  </si>
  <si>
    <t>PTZ 5X</t>
    <phoneticPr fontId="18" type="noConversion"/>
  </si>
  <si>
    <t>PTZ 5X</t>
    <phoneticPr fontId="19" type="noConversion"/>
  </si>
  <si>
    <t>PTZ 4X</t>
    <phoneticPr fontId="18" type="noConversion"/>
  </si>
  <si>
    <t>PTZ 20X</t>
    <phoneticPr fontId="19" type="noConversion"/>
  </si>
  <si>
    <t>PTZ 22X</t>
    <phoneticPr fontId="19" type="noConversion"/>
  </si>
  <si>
    <t>PTZ 30X</t>
    <phoneticPr fontId="19" type="noConversion"/>
  </si>
  <si>
    <t>PTZ 33X</t>
    <phoneticPr fontId="19" type="noConversion"/>
  </si>
  <si>
    <t>120dB WDR, IP66, 33X optical zoom, HLC, 
Smart intrusion prevention, face capture</t>
    <phoneticPr fontId="31" type="noConversion"/>
  </si>
  <si>
    <t>1/2.8" CMOS, ICR, 1920x1080:60fps, Ultra 265/H.264/MJPEG, Penta streams, AC24V/DC24V, Micro SD card slot, Alarm in/out 2/1, Audio, -40-65℃, IP66, 33x optical zoom(4.5 ~ 148.5mm), IR range: up to 150m, IR anti-reflection window</t>
    <phoneticPr fontId="31" type="noConversion"/>
  </si>
  <si>
    <t>0235C4PE</t>
    <phoneticPr fontId="31" type="noConversion"/>
  </si>
  <si>
    <t>IPC6622SR-X33-VF</t>
    <phoneticPr fontId="21" type="noConversion"/>
  </si>
  <si>
    <t>PTZ 40X</t>
    <phoneticPr fontId="19" type="noConversion"/>
  </si>
  <si>
    <t>PTZ 38X</t>
    <phoneticPr fontId="19" type="noConversion"/>
  </si>
  <si>
    <t>Utral 265</t>
    <phoneticPr fontId="31" type="noConversion"/>
  </si>
  <si>
    <t>40X</t>
    <phoneticPr fontId="31" type="noConversion"/>
  </si>
  <si>
    <t>1/1</t>
    <phoneticPr fontId="31" type="noConversion"/>
  </si>
  <si>
    <t>7/2</t>
    <phoneticPr fontId="31" type="noConversion"/>
  </si>
  <si>
    <t>120dBWDR, IP66, 40X optical zoom, Built in AI algorithm , EIS(Gyroscope), wiper, laser, optical defog</t>
    <phoneticPr fontId="31" type="noConversion"/>
  </si>
  <si>
    <t>1/1.8" CMOS, ICR, 2688*1520:60fps,  Ultra 265/H.264/MJPEG, Penta streams, AC24V/DC24V/PoE(IEEE 802.3bt), Micro SD card slot, Alarm in/out 7/2, Audio, -40-70℃, IP66,  40x optical zoom(5.7~ 228mm),   laser distance: 650m, wiper, Optical defog</t>
    <phoneticPr fontId="31" type="noConversion"/>
  </si>
  <si>
    <t>0235C4MW</t>
    <phoneticPr fontId="31" type="noConversion"/>
  </si>
  <si>
    <t>Positioning system</t>
  </si>
  <si>
    <t>N/A</t>
    <phoneticPr fontId="31" type="noConversion"/>
  </si>
  <si>
    <t>4 x 1080P@30
2 x 4MP@30
1 x 5MP@30
1 x 4K@30</t>
  </si>
  <si>
    <t>0235C4X4</t>
  </si>
  <si>
    <t>0235C4X2</t>
  </si>
  <si>
    <t>0235C4X3</t>
  </si>
  <si>
    <t>0235C4UW</t>
  </si>
  <si>
    <t>0235C4V5</t>
  </si>
  <si>
    <t>4-ch, 1 SATA interface, 4 PoE, Smart 1U, H.265&amp;4K</t>
  </si>
  <si>
    <t>0235C4V2</t>
  </si>
  <si>
    <t>0235C4V1</t>
  </si>
  <si>
    <t>0235C4UX</t>
  </si>
  <si>
    <t>9-ch, 2 SATA interface, 1U,  H.265&amp;4K</t>
  </si>
  <si>
    <t>0235C4US</t>
  </si>
  <si>
    <t>0235C4UT</t>
  </si>
  <si>
    <t>NVR302-32S</t>
    <phoneticPr fontId="18" type="noConversion"/>
  </si>
  <si>
    <t>NVR304 Series</t>
    <phoneticPr fontId="18" type="noConversion"/>
  </si>
  <si>
    <t>4-ch , 1 SATA interface, 4 BNC/5MP Lite, Mini 1U, H.265, audio over coaxial</t>
  </si>
  <si>
    <t>24Mbps</t>
  </si>
  <si>
    <t>5MP Lite@12fps
4MP Lite@15fps
1080P Lite@15fps
1080P@15fps
720P@30fps</t>
  </si>
  <si>
    <t>8-ch , 1 SATA interface, 4 BNC/5MP Lite, Mini 1U, H.265, audio over coaxial</t>
  </si>
  <si>
    <t>5MP Lite@6fps 
4MP Lite@8fps
1080P Lite@15fps
1080P@8fps
720P@15fps</t>
  </si>
  <si>
    <t>KIT/NVR301-04LS2-W/4*IPC2122LR3-F40W-E</t>
    <phoneticPr fontId="18" type="noConversion"/>
  </si>
  <si>
    <t>KIT/NVR301-08LS2-W/4*IPC2122LR3-F40W-E</t>
    <phoneticPr fontId="18" type="noConversion"/>
  </si>
  <si>
    <t>KIT/NVR301-04LS3-P4/4*IPC3612LB-ADF28K-G</t>
    <phoneticPr fontId="31" type="noConversion"/>
  </si>
  <si>
    <t xml:space="preserve"> </t>
    <phoneticPr fontId="31" type="noConversion"/>
  </si>
  <si>
    <t>TIC6831ER-F50-4X38P</t>
    <phoneticPr fontId="23" type="noConversion"/>
  </si>
  <si>
    <t xml:space="preserve">TIC7632EL-F75-2X55G </t>
    <phoneticPr fontId="23" type="noConversion"/>
  </si>
  <si>
    <t>NSW5110-24GT4GP-IN</t>
    <phoneticPr fontId="31" type="noConversion"/>
  </si>
  <si>
    <t>IPC2128SB-ADF40KMC-I0</t>
    <phoneticPr fontId="31" type="noConversion"/>
  </si>
  <si>
    <t>NVR301-16LS3-P8</t>
    <phoneticPr fontId="31" type="noConversion"/>
  </si>
  <si>
    <t>NVR304-16S</t>
    <phoneticPr fontId="18" type="noConversion"/>
  </si>
  <si>
    <t>NVR304-32S</t>
    <phoneticPr fontId="18" type="noConversion"/>
  </si>
  <si>
    <t xml:space="preserve"> </t>
    <phoneticPr fontId="18" type="noConversion"/>
  </si>
  <si>
    <t>KIT/NVR301-04LS3-P4/4*IPC2122LB-ADF28KM-G</t>
    <phoneticPr fontId="31" type="noConversion"/>
  </si>
  <si>
    <t>HS-108-IN</t>
    <phoneticPr fontId="31" type="noConversion"/>
  </si>
  <si>
    <t>HS-217S-IN</t>
    <phoneticPr fontId="31" type="noConversion"/>
  </si>
  <si>
    <t>HS-217SHB-BL</t>
    <phoneticPr fontId="31" type="noConversion"/>
  </si>
  <si>
    <t>HS-217S-B-NB</t>
    <phoneticPr fontId="31" type="noConversion"/>
  </si>
  <si>
    <t>HS-217SHB-B-NB</t>
    <phoneticPr fontId="31" type="noConversion"/>
  </si>
  <si>
    <t>HS-217SHB-IR-B-NB</t>
    <phoneticPr fontId="31" type="noConversion"/>
  </si>
  <si>
    <t>HS-217SHB-IR</t>
    <phoneticPr fontId="31" type="noConversion"/>
  </si>
  <si>
    <t>TR-JB07/WM04-IN</t>
    <phoneticPr fontId="31" type="noConversion"/>
  </si>
  <si>
    <t>TR-JB03-H-IN</t>
    <phoneticPr fontId="31" type="noConversion"/>
  </si>
  <si>
    <t>TR-JB04-D-IN</t>
    <phoneticPr fontId="31" type="noConversion"/>
  </si>
  <si>
    <t>TR-JB03-I-IN</t>
    <phoneticPr fontId="31" type="noConversion"/>
  </si>
  <si>
    <t>TR-JB07-D-IN</t>
    <phoneticPr fontId="31" type="noConversion"/>
  </si>
  <si>
    <t>TR-JB07/WM03-F-IN</t>
    <phoneticPr fontId="31" type="noConversion"/>
  </si>
  <si>
    <t>TR-JB03-G-IN</t>
    <phoneticPr fontId="31" type="noConversion"/>
  </si>
  <si>
    <t>TR-JB04-C-IN</t>
    <phoneticPr fontId="31" type="noConversion"/>
  </si>
  <si>
    <t>TR-JB05-A-IN</t>
    <phoneticPr fontId="31" type="noConversion"/>
  </si>
  <si>
    <t>TR-JB07/WM04-B-IN</t>
    <phoneticPr fontId="31" type="noConversion"/>
  </si>
  <si>
    <t>TR-UP06-B-IN</t>
    <phoneticPr fontId="31" type="noConversion"/>
  </si>
  <si>
    <t>TR-WM03-B-IN</t>
    <phoneticPr fontId="31" type="noConversion"/>
  </si>
  <si>
    <t>TR-CE45-IN</t>
    <phoneticPr fontId="31" type="noConversion"/>
  </si>
  <si>
    <t>TR-CM06-IN</t>
    <phoneticPr fontId="31" type="noConversion"/>
  </si>
  <si>
    <t>TR-FM152-A-IN</t>
    <phoneticPr fontId="31" type="noConversion"/>
  </si>
  <si>
    <t>TR-FM200-IN</t>
    <phoneticPr fontId="31" type="noConversion"/>
  </si>
  <si>
    <t>TR-UF45-H-IN</t>
    <phoneticPr fontId="31" type="noConversion"/>
  </si>
  <si>
    <t>TR-JB12-IN</t>
    <phoneticPr fontId="31" type="noConversion"/>
  </si>
  <si>
    <t>TR-SE45-IN</t>
    <phoneticPr fontId="31" type="noConversion"/>
  </si>
  <si>
    <t>TR-SE45-A-IN</t>
    <phoneticPr fontId="31" type="noConversion"/>
  </si>
  <si>
    <t>TR-SM04-IN</t>
    <phoneticPr fontId="31" type="noConversion"/>
  </si>
  <si>
    <t>TR-SM06-IN</t>
    <phoneticPr fontId="31" type="noConversion"/>
  </si>
  <si>
    <t>TR-UC08-A-IN</t>
    <phoneticPr fontId="31" type="noConversion"/>
  </si>
  <si>
    <t>TR-UC08-B-IN</t>
    <phoneticPr fontId="31" type="noConversion"/>
  </si>
  <si>
    <t>TR-UF45-A-IN</t>
    <phoneticPr fontId="31" type="noConversion"/>
  </si>
  <si>
    <t>TR-UM06-A-IN</t>
    <phoneticPr fontId="31" type="noConversion"/>
  </si>
  <si>
    <t>TR-UP08-A-IN</t>
    <phoneticPr fontId="31" type="noConversion"/>
  </si>
  <si>
    <t>TR-UM06-C-IN</t>
    <phoneticPr fontId="31" type="noConversion"/>
  </si>
  <si>
    <t>TR-UP06-IN</t>
    <phoneticPr fontId="31" type="noConversion"/>
  </si>
  <si>
    <t>TR-UP08-B-IN</t>
    <phoneticPr fontId="31" type="noConversion"/>
  </si>
  <si>
    <t>TR-UV06-A-IN</t>
    <phoneticPr fontId="31" type="noConversion"/>
  </si>
  <si>
    <t>TR-WE45-IN</t>
    <phoneticPr fontId="31" type="noConversion"/>
  </si>
  <si>
    <t>TR-WE45-A-IN</t>
    <phoneticPr fontId="31" type="noConversion"/>
  </si>
  <si>
    <t>TR-WE45-B-IN</t>
    <phoneticPr fontId="31" type="noConversion"/>
  </si>
  <si>
    <t>TR-WM04-IN</t>
    <phoneticPr fontId="31" type="noConversion"/>
  </si>
  <si>
    <t>TR-WM06-A-IN</t>
    <phoneticPr fontId="31" type="noConversion"/>
  </si>
  <si>
    <t>TR-WM06-I-IN</t>
    <phoneticPr fontId="31" type="noConversion"/>
  </si>
  <si>
    <t>TR-WM06-B</t>
    <phoneticPr fontId="31" type="noConversion"/>
  </si>
  <si>
    <t>TR-WM06-C-IN</t>
    <phoneticPr fontId="31" type="noConversion"/>
  </si>
  <si>
    <t>TR-UM06-E-IN</t>
    <phoneticPr fontId="31" type="noConversion"/>
  </si>
  <si>
    <t>TR-WM06-F</t>
    <phoneticPr fontId="31" type="noConversion"/>
  </si>
  <si>
    <t>TR-WM03-D-IN</t>
    <phoneticPr fontId="31" type="noConversion"/>
  </si>
  <si>
    <t>TR-JB07/WM03-G-IN</t>
    <phoneticPr fontId="31" type="noConversion"/>
  </si>
  <si>
    <t>TR-JB06-A-IN</t>
    <phoneticPr fontId="31" type="noConversion"/>
  </si>
  <si>
    <t>TR-JB05-B-IN</t>
    <phoneticPr fontId="31" type="noConversion"/>
  </si>
  <si>
    <t>TR-CM24-IN</t>
    <phoneticPr fontId="31" type="noConversion"/>
  </si>
  <si>
    <t>TR-SE24-IN</t>
    <phoneticPr fontId="31" type="noConversion"/>
  </si>
  <si>
    <t>TR-SE24-A-IN</t>
    <phoneticPr fontId="31" type="noConversion"/>
  </si>
  <si>
    <t>TR-UP06-C-IN</t>
    <phoneticPr fontId="31" type="noConversion"/>
  </si>
  <si>
    <t>TR-WE45-D-IN</t>
    <phoneticPr fontId="31" type="noConversion"/>
  </si>
  <si>
    <t>TR-CM06-C-IN</t>
    <phoneticPr fontId="31" type="noConversion"/>
  </si>
  <si>
    <t>TR-UV06-C-IN</t>
    <phoneticPr fontId="31" type="noConversion"/>
  </si>
  <si>
    <t>KIT-TR4-1</t>
    <phoneticPr fontId="31" type="noConversion"/>
  </si>
  <si>
    <t>TR-WE45-E-IN</t>
    <phoneticPr fontId="31" type="noConversion"/>
  </si>
  <si>
    <t>TR-WM08-B</t>
    <phoneticPr fontId="31" type="noConversion"/>
  </si>
  <si>
    <t>TR-A01-IN</t>
    <phoneticPr fontId="31" type="noConversion"/>
  </si>
  <si>
    <t>2118C00B</t>
    <phoneticPr fontId="31" type="noConversion"/>
  </si>
  <si>
    <t>2118C01B</t>
    <phoneticPr fontId="31" type="noConversion"/>
  </si>
  <si>
    <t>2118C012</t>
    <phoneticPr fontId="31" type="noConversion"/>
  </si>
  <si>
    <t>2118C01X</t>
    <phoneticPr fontId="31" type="noConversion"/>
  </si>
  <si>
    <t>0231C0SM</t>
    <phoneticPr fontId="31" type="noConversion"/>
  </si>
  <si>
    <t>0231C0SN</t>
    <phoneticPr fontId="31" type="noConversion"/>
  </si>
  <si>
    <t>0231C0LQ</t>
    <phoneticPr fontId="31" type="noConversion"/>
  </si>
  <si>
    <t>2115C047</t>
    <phoneticPr fontId="31" type="noConversion"/>
  </si>
  <si>
    <t>2115C0AN</t>
    <phoneticPr fontId="31" type="noConversion"/>
  </si>
  <si>
    <t>2115C0AQ</t>
    <phoneticPr fontId="31" type="noConversion"/>
  </si>
  <si>
    <t>2115C0AR</t>
    <phoneticPr fontId="31" type="noConversion"/>
  </si>
  <si>
    <t>2115C0AT</t>
    <phoneticPr fontId="31" type="noConversion"/>
  </si>
  <si>
    <t>2115C0AU</t>
    <phoneticPr fontId="31" type="noConversion"/>
  </si>
  <si>
    <t>2115C0AM</t>
    <phoneticPr fontId="31" type="noConversion"/>
  </si>
  <si>
    <t>2115C0AP</t>
    <phoneticPr fontId="31" type="noConversion"/>
  </si>
  <si>
    <t>2115C0AS</t>
    <phoneticPr fontId="31" type="noConversion"/>
  </si>
  <si>
    <t>2115C0AV</t>
    <phoneticPr fontId="31" type="noConversion"/>
  </si>
  <si>
    <t>2115C08A</t>
    <phoneticPr fontId="31" type="noConversion"/>
  </si>
  <si>
    <t>2115C08L</t>
    <phoneticPr fontId="31" type="noConversion"/>
  </si>
  <si>
    <t>2115C038</t>
    <phoneticPr fontId="31" type="noConversion"/>
  </si>
  <si>
    <t>2115C02T</t>
    <phoneticPr fontId="31" type="noConversion"/>
  </si>
  <si>
    <t>2115C04F</t>
    <phoneticPr fontId="31" type="noConversion"/>
  </si>
  <si>
    <t>2115C02P</t>
    <phoneticPr fontId="31" type="noConversion"/>
  </si>
  <si>
    <t>2115C082</t>
    <phoneticPr fontId="31" type="noConversion"/>
  </si>
  <si>
    <t>2115C04U</t>
    <phoneticPr fontId="31" type="noConversion"/>
  </si>
  <si>
    <t>2115C035</t>
    <phoneticPr fontId="31" type="noConversion"/>
  </si>
  <si>
    <t>2115C036</t>
    <phoneticPr fontId="31" type="noConversion"/>
  </si>
  <si>
    <t>2115C04P</t>
    <phoneticPr fontId="31" type="noConversion"/>
  </si>
  <si>
    <t>2115C02V</t>
    <phoneticPr fontId="31" type="noConversion"/>
  </si>
  <si>
    <t>2115C03A</t>
    <phoneticPr fontId="31" type="noConversion"/>
  </si>
  <si>
    <t>2115C053</t>
    <phoneticPr fontId="31" type="noConversion"/>
  </si>
  <si>
    <t>2115C033</t>
    <phoneticPr fontId="31" type="noConversion"/>
  </si>
  <si>
    <t>2115C03B</t>
    <phoneticPr fontId="31" type="noConversion"/>
  </si>
  <si>
    <t>2115C039</t>
    <phoneticPr fontId="31" type="noConversion"/>
  </si>
  <si>
    <t>2115C052</t>
    <phoneticPr fontId="31" type="noConversion"/>
  </si>
  <si>
    <t>2115C02R</t>
    <phoneticPr fontId="31" type="noConversion"/>
  </si>
  <si>
    <t>2115C054</t>
    <phoneticPr fontId="31" type="noConversion"/>
  </si>
  <si>
    <t>2115C02X</t>
    <phoneticPr fontId="31" type="noConversion"/>
  </si>
  <si>
    <t>2115C037</t>
    <phoneticPr fontId="31" type="noConversion"/>
  </si>
  <si>
    <t>2115C04J</t>
    <phoneticPr fontId="31" type="noConversion"/>
  </si>
  <si>
    <t>2115C077</t>
    <phoneticPr fontId="31" type="noConversion"/>
  </si>
  <si>
    <t>2115C043</t>
    <phoneticPr fontId="31" type="noConversion"/>
  </si>
  <si>
    <t>2115C02S</t>
    <phoneticPr fontId="31" type="noConversion"/>
  </si>
  <si>
    <t>2115C0B9</t>
    <phoneticPr fontId="31" type="noConversion"/>
  </si>
  <si>
    <t>2115C00X</t>
    <phoneticPr fontId="31" type="noConversion"/>
  </si>
  <si>
    <t>2115C041</t>
    <phoneticPr fontId="31" type="noConversion"/>
  </si>
  <si>
    <t>2115C07V</t>
    <phoneticPr fontId="31" type="noConversion"/>
  </si>
  <si>
    <t>2115C09P</t>
    <phoneticPr fontId="31" type="noConversion"/>
  </si>
  <si>
    <t>2115C0AW</t>
    <phoneticPr fontId="31" type="noConversion"/>
  </si>
  <si>
    <t>2115C0AX</t>
    <phoneticPr fontId="31" type="noConversion"/>
  </si>
  <si>
    <t>2115C0AY</t>
    <phoneticPr fontId="31" type="noConversion"/>
  </si>
  <si>
    <t>2115C0B0</t>
    <phoneticPr fontId="31" type="noConversion"/>
  </si>
  <si>
    <t>2115C0B1</t>
    <phoneticPr fontId="31" type="noConversion"/>
  </si>
  <si>
    <t>2115C0B2</t>
    <phoneticPr fontId="31" type="noConversion"/>
  </si>
  <si>
    <t>2115C0B3</t>
    <phoneticPr fontId="31" type="noConversion"/>
  </si>
  <si>
    <t>2115C0B4</t>
    <phoneticPr fontId="31" type="noConversion"/>
  </si>
  <si>
    <t>2115C0B6</t>
    <phoneticPr fontId="31" type="noConversion"/>
  </si>
  <si>
    <t>2115C0BD</t>
    <phoneticPr fontId="31" type="noConversion"/>
  </si>
  <si>
    <t>2115C0BE</t>
    <phoneticPr fontId="31" type="noConversion"/>
  </si>
  <si>
    <t>0150C05G</t>
    <phoneticPr fontId="31" type="noConversion"/>
  </si>
  <si>
    <t>2115C0BC</t>
    <phoneticPr fontId="31" type="noConversion"/>
  </si>
  <si>
    <t>2115C08G</t>
    <phoneticPr fontId="31" type="noConversion"/>
  </si>
  <si>
    <t>2160C00D</t>
    <phoneticPr fontId="31" type="noConversion"/>
  </si>
  <si>
    <t xml:space="preserve">IPC542SE-HDK-I0 </t>
    <phoneticPr fontId="18" type="noConversion"/>
  </si>
  <si>
    <t>IPC2224SE-DF60K-WL-I0</t>
    <phoneticPr fontId="18" type="noConversion"/>
  </si>
  <si>
    <t>IPC Bracket</t>
    <phoneticPr fontId="31" type="noConversion"/>
  </si>
  <si>
    <t>NVR304-16X</t>
    <phoneticPr fontId="18" type="noConversion"/>
  </si>
  <si>
    <t>NVR Accessories</t>
    <phoneticPr fontId="18" type="noConversion"/>
  </si>
  <si>
    <t>IPC3618SB-ADF28KM-I0</t>
    <phoneticPr fontId="31" type="noConversion"/>
  </si>
  <si>
    <t>IPC3618SB-ADF40KM-I0</t>
    <phoneticPr fontId="31" type="noConversion"/>
  </si>
  <si>
    <t>NVR302-16E-P8-B</t>
  </si>
  <si>
    <t>16 x 1080P@30
8 x 4MP@30
4 x 4K@30</t>
  </si>
  <si>
    <t>0235C2NT</t>
  </si>
  <si>
    <t>Prime</t>
  </si>
  <si>
    <t>8/2</t>
  </si>
  <si>
    <t>WDR, IP66, 22X optical zoom, HLC,
Smart functions, EIS,auto-tracking</t>
    <phoneticPr fontId="23" type="noConversion"/>
  </si>
  <si>
    <t>1/2.9" CMOS, ICR, 1920x1080:60fps, Ultra 265/H.264/MJPEG, Triple streams, DC12V, Micro SD card slot,  -40-65℃, IP66, 22x optical zoom(5.2~ 114.4mm), IR range: up to 150m, IR anti-reflection window</t>
    <phoneticPr fontId="23" type="noConversion"/>
  </si>
  <si>
    <t>0235C417</t>
    <phoneticPr fontId="23" type="noConversion"/>
  </si>
  <si>
    <t>PTZ 22X</t>
    <phoneticPr fontId="19" type="noConversion"/>
  </si>
  <si>
    <t>WDR, IP66, 22X optical zoom, HLC, PoE
Smart functions, EIS,auto-tracking</t>
    <phoneticPr fontId="23" type="noConversion"/>
  </si>
  <si>
    <t>1/2.9" CMOS, ICR, 1920x1080:60fps, Ultra 265/H.264/MJPEG, Triple streams, DC12V/PoE(PSE Required), Micro SD card slot, Alarm in/out 1/1, Audio, -40-65℃, IP66, 22x optical zoom(5.2~ 114.4mm), IR range: up to 150m, IR anti-reflection window</t>
    <phoneticPr fontId="23" type="noConversion"/>
  </si>
  <si>
    <t>0235C418</t>
    <phoneticPr fontId="23" type="noConversion"/>
  </si>
  <si>
    <t>PTZ 22X</t>
    <phoneticPr fontId="19" type="noConversion"/>
  </si>
  <si>
    <t>PTZ 25X</t>
    <phoneticPr fontId="31" type="noConversion"/>
  </si>
  <si>
    <t>PTZ 33X</t>
    <phoneticPr fontId="19" type="noConversion"/>
  </si>
  <si>
    <t>PTZ 38X</t>
    <phoneticPr fontId="19" type="noConversion"/>
  </si>
  <si>
    <t>IPC6858SR-X38UP-VC</t>
    <phoneticPr fontId="18" type="noConversion"/>
  </si>
  <si>
    <t>8MP</t>
    <phoneticPr fontId="18" type="noConversion"/>
  </si>
  <si>
    <t>Utral 265</t>
    <phoneticPr fontId="18" type="noConversion"/>
  </si>
  <si>
    <t>√</t>
    <phoneticPr fontId="18" type="noConversion"/>
  </si>
  <si>
    <t>X</t>
    <phoneticPr fontId="18" type="noConversion"/>
  </si>
  <si>
    <t>1/1</t>
    <phoneticPr fontId="18" type="noConversion"/>
  </si>
  <si>
    <t>2/1</t>
    <phoneticPr fontId="18" type="noConversion"/>
  </si>
  <si>
    <t>120dBWDR, IP66, 38X optical zoom,Built in AI algorithm , EIS(Gyroscope),HLC</t>
    <phoneticPr fontId="18" type="noConversion"/>
  </si>
  <si>
    <t>1/1.8" CMOS, ICR, 3840*2160:30fps, Ultra 265/H.264/MJPEG, Triple streams, AC24V/DC24V/PoE(IEEE 802.3bt), Micro SD card slot, Alarm in/out 2/1, Audio, -40-70℃, IP66,  38x optical zoom(5.7 ~ 216.6mm),   IR range: up to 250m, IR anti-reflection window</t>
    <phoneticPr fontId="18" type="noConversion"/>
  </si>
  <si>
    <t>1/1.8" CMOS, ICR,3840×2160:30fps, 1920×1080:30fps,Ultra 265/H.264/MJPEG, Triple streams, AC24V/DC24V/P:PoE (PSE Required), Micro SD card slot, Alarm in/out 1/1, Audio in/out 1/1, -40-70℃, IP66,  22x optical zoom(6.5~143mm),   IR range: up to 150m, IR anti-reflection window, LightHunter</t>
    <phoneticPr fontId="19" type="noConversion"/>
  </si>
  <si>
    <t>0235C3HQ</t>
    <phoneticPr fontId="18" type="noConversion"/>
  </si>
  <si>
    <t>IPC6415SR-X5UPW-VG</t>
    <phoneticPr fontId="19" type="noConversion"/>
  </si>
  <si>
    <t>IPC6412LR-X5UPW-VG</t>
    <phoneticPr fontId="19" type="noConversion"/>
  </si>
  <si>
    <t>0235C5CK</t>
  </si>
  <si>
    <t>0235C5CE</t>
  </si>
  <si>
    <t>0235C5CG</t>
  </si>
  <si>
    <t>5MP Lite@6fps 
4MP Lite@8fps
1080P Lite@15fps
720P@15fps</t>
  </si>
  <si>
    <t>4+2</t>
    <phoneticPr fontId="19" type="noConversion"/>
  </si>
  <si>
    <t>MIC&amp;Speaker</t>
  </si>
  <si>
    <t>1/2.7" CMOS, ICR, 2880x1620:30fps, Ultra 265/H.265/H.264/MJPEG, Double stream,   DC12V &amp; PoE,Fixed lens 2.8mm,4mm, IR range: up to 50m. , 3-axis   EasyStar: 0.003 Lux min. illumination</t>
  </si>
  <si>
    <t>0235C5CJ</t>
  </si>
  <si>
    <t>120dB WDR, IP67,IK10, HLC,EasyStar</t>
  </si>
  <si>
    <t>1/2.7" CMOS, ICR, 2880x1620:30fps,Ultra 265/H.265/H.264/MJPEG, Double stream,   DC12V &amp; PoE,Fixed lens 2.8mm,4mm, IR range: up to 30m. , 3-axis   EasyStar: 0.003 Lux min. illumination</t>
  </si>
  <si>
    <t>0235C5CF</t>
  </si>
  <si>
    <t>0235C5CH</t>
  </si>
  <si>
    <t>120dB WDR, IP67,HLC</t>
  </si>
  <si>
    <t>1/2.7" CMOS, ICR, 1920*1080: 30fps, Ultra 265/H.264/MJPEG, Two streams,   DC12V &amp; PoE, WDR,  IP67, 2.8-12mm,motorized zoom lens ,IR range: up to 50m.  3-Axis</t>
  </si>
  <si>
    <t>0235C50G</t>
  </si>
  <si>
    <t>1/3" CMOS, ICR, 2688*1520:30fps, Ultra 265/H.264/MJPEG, Two streams,   DC12V &amp; PoE, WDR,  IP67, 2.8-12mm,motorized zoom lens ,IR range: up to 50m.  3-Axis</t>
  </si>
  <si>
    <t>0235C50K</t>
  </si>
  <si>
    <t>1/2.7" CMOS, ICR, 2880*1620:30fps, Ultra 265/H.264/MJPEG, Two streams,   DC12V &amp; PoE, WDR,  IP67, 2.8-12mm,motorized zoom lens ,IR range: up to 50m.  3-Axis</t>
  </si>
  <si>
    <t>120dB WDR, IP67,IK10,HLC</t>
  </si>
  <si>
    <t>1/2.7" CMOS, ICR, 1920*1080:30fps, Ultra 265/H.264/MJPEG, Two streams,   DC12V &amp; PoE, WDR,  IP67, IK10, 2.8-12mm, motorized zoom lens ,IR range: up to 40m.  3-Axis</t>
  </si>
  <si>
    <t>0235C50J</t>
  </si>
  <si>
    <t>1/3" CMOS, ICR, 2688*1520:30fps, Ultra 265/H.264/MJPEG, Two streams,   DC12V &amp; PoE, WDR,  IP67, IK10, 2.8-12mm, motorized zoom lens ,IR range: up to 40m.  3-Axis</t>
  </si>
  <si>
    <t>0235C50L</t>
  </si>
  <si>
    <t>1/2.7" CMOS, ICR, 2880*1620:30fps, Ultra 265/H.264/MJPEG, Two streams,   DC12V &amp; PoE, WDR,  IP67, IK10, 2.8-12mm, motorized zoom lens ,IR range: up to 40m.  3-Axis</t>
  </si>
  <si>
    <t>1/2.7" CMOS, ICR, 1920x1080:30fps, Ultra 265/H.264/MJPEG, Two streams,   DC12V &amp; PoE, WDR,  IP67,  2.8-12mm, motorized zoom lens ,IR range: up to 40m.  3-Axis</t>
  </si>
  <si>
    <t>0235C50H</t>
  </si>
  <si>
    <t>1/3" CMOS, ICR, 2688x1520: 30fps, Ultra 265/H.264/MJPEG, Two streams,   DC12V &amp; PoE, WDR,  IP67,  2.8-12mm, motorized zoom lens ,IR range: up to 40m.  3-Axis</t>
  </si>
  <si>
    <t>0235C50F</t>
  </si>
  <si>
    <t>1/2.7" CMOS, ICR, 2880*1620:30fps, Ultra 265/H.264/MJPEG, Two streams,   DC12V &amp; PoE, WDR,  IP67,  2.8-12mm, motorized zoom lens ,IR range: up to 40m.  3-Axis</t>
  </si>
  <si>
    <t>\</t>
    <phoneticPr fontId="31" type="noConversion"/>
  </si>
  <si>
    <t>1 / 1</t>
  </si>
  <si>
    <t>2 / 1</t>
    <phoneticPr fontId="31" type="noConversion"/>
  </si>
  <si>
    <t>120dB WDR,  LightHunter，Built in AI algorithm</t>
    <phoneticPr fontId="31" type="noConversion"/>
  </si>
  <si>
    <t>1/2.7" CMOS, ICR,1920x1080:60fps,Ultra 265/H.265/H.264/MJPEG, Triple streams ,DC12V &amp; PoE, 120dB WDR,  Micro SD card slot，BNC，0.0005 Lux min. illumination</t>
    <phoneticPr fontId="31" type="noConversion"/>
  </si>
  <si>
    <t>0235C5C2</t>
  </si>
  <si>
    <t>4MP</t>
    <phoneticPr fontId="31" type="noConversion"/>
  </si>
  <si>
    <t>1/2.8" CMOS, ICR, 2688x1520:30fps, Ultra 265/H.264/MJPEG, 5 streams, DC24V, POE, Micro SD card slot,  Alarm in/out 2/1, Audio, -40-65℃, IP66, 33x optical zoom( 4.5~148.5mm), IR range: up to 150m, IR anti-reflection window</t>
    <phoneticPr fontId="31" type="noConversion"/>
  </si>
  <si>
    <t>0235C5D4</t>
    <phoneticPr fontId="31" type="noConversion"/>
  </si>
  <si>
    <t xml:space="preserve">IPC6424SR-X25-VF </t>
    <phoneticPr fontId="19" type="noConversion"/>
  </si>
  <si>
    <t>16-ch, 4 SATA interface, 1U, H.265&amp;4K, Dual Network interface, RAID 1/5</t>
  </si>
  <si>
    <t>384Mbps</t>
  </si>
  <si>
    <t>16/4</t>
  </si>
  <si>
    <t>2U</t>
  </si>
  <si>
    <t>0235C58C</t>
  </si>
  <si>
    <t>32-ch, 4 SATA interface, 1U, H.265&amp;4K, Dual Network interface, RAID 1/5</t>
  </si>
  <si>
    <t>0235C57V</t>
  </si>
  <si>
    <t>16-ch, 8 SATA interface, 2U, H.265&amp;4K, Dual Network interface, RAID0/1/5/6/10</t>
  </si>
  <si>
    <t>0235C57Y</t>
  </si>
  <si>
    <t>32-ch, 8 SATA interface, 2U, H.265&amp;4K, Dual Network interface, RAID0/1/5/6/10</t>
  </si>
  <si>
    <t>0235C58A</t>
  </si>
  <si>
    <t>64-ch, 8 SATA interface, 2U, H.265&amp;4K, Dual Network interface, RAID0/1/5/6/10</t>
  </si>
  <si>
    <t>0235C57U</t>
  </si>
  <si>
    <t>16 x 1080P@30
4 x 4K@30
(up to 112 x 1080P with decoding card optional)</t>
  </si>
  <si>
    <t>24/8</t>
  </si>
  <si>
    <t>3U</t>
  </si>
  <si>
    <t>0235C20D</t>
  </si>
  <si>
    <t>512Mbps</t>
  </si>
  <si>
    <t>0235C20E</t>
  </si>
  <si>
    <t>64-ch, 16 SATA interface, 3U, H.265&amp;4K, 4 Network interface, 2 SFP interface, RAID0/1/5/10/50/60, Hard disk hot swap on front panel, Redundant power supply(opitional), Up to 14 HDMI output(optional), 2 miniSAS ports</t>
  </si>
  <si>
    <t>128-ch, 16 SATA interface, 3U, H.265&amp;4K, 4 Network interface, 2 SFP interface, RAID0/1/5/10/50/60, Hard disk hot swap on front panel,Redundant power supply(opitional), Up to 14 HDMI output(optional), 2 miniSAS ports</t>
  </si>
  <si>
    <t>120dB WDR,  IP67&amp;IK10,3-Axis,Lighthunter, HLC,
100m IR,Built in AI algorithm</t>
  </si>
  <si>
    <t>0235C43J</t>
  </si>
  <si>
    <t>120dB WDR,  IP67&amp;IK10,3-Axis,Lighthunter, HLC,
40m IR,Built in AI algorithm</t>
  </si>
  <si>
    <t>1/1.8“ CMOS, ICR, 2688*1520 60fps,Ultra 265/H.264/MJPEG, Triple streams, AC24V&amp; DC12V &amp; PoE, Micro SD card slot, IP67&amp;IK10,Alarm 1/1, Audio1/1, 120dB WDR, 2.8-12mm F1.2 Motorized lens, IR range: up to 40m, 3-Axis, Lighthunter: 0.0005Lux min. illumination</t>
  </si>
  <si>
    <t>0235C43E</t>
  </si>
  <si>
    <t>1/1.8“ CMOS, ICR, 3840*2160 30fps,Ultra 265/H.264/MJPEG, Triple streams, AC24V&amp; DC12V &amp; PoE, Micro SD card slot, IP67&amp;IK10,Alarm 2/1, Audio1/1, 120dB WDR, 2.8-12mm F1.2 Motorized lens, IR range: up to 100m, 3-Axis, Lighthunter: 0.002Lux min. illumination</t>
  </si>
  <si>
    <t>0235C43K</t>
  </si>
  <si>
    <t>1/1.8“ CMOS, ICR, 3840*2160 30fps,Ultra 265/H.264/MJPEG, Triple streams, AC24V&amp; DC12V &amp; PoE, Micro SD card slot, IP67&amp;IK10,Alarm 1/1, Audio1/1, 120dB WDR, 2.8-12mm F1.2 Motorized lens, IR range: up to 40m, 3-Axis, Lighthunter: 0.002Lux min. illumination</t>
  </si>
  <si>
    <t>0235C43D</t>
  </si>
  <si>
    <t>120dB WDR, IP67, HLC,ColorHunter</t>
  </si>
  <si>
    <t>0235C5BH</t>
  </si>
  <si>
    <t>0235C5BJ</t>
  </si>
  <si>
    <t>0235C5AX</t>
  </si>
  <si>
    <t>4x</t>
    <phoneticPr fontId="31" type="noConversion"/>
  </si>
  <si>
    <t>Mic/
Speaker</t>
    <phoneticPr fontId="31" type="noConversion"/>
  </si>
  <si>
    <t>Lighthunter,WDR, IP66, 4X optical zoom, HLC,
Active deterrence, strobe light
Smart intrusion prevention, dual-way talk</t>
    <phoneticPr fontId="31" type="noConversion"/>
  </si>
  <si>
    <t>1/2.7" CMOS, ICR, 2880×1620:30fps, Ultra 265/H.264/MJPEG, Triple streams, DC12V,POE, Micro SD card slot,  mic&amp;speaker, -20-60℃, IP66, 4x optical zoom( 2.8~ 12mm), IR range: up to 50m</t>
    <phoneticPr fontId="31" type="noConversion"/>
  </si>
  <si>
    <t>0235C4RJ</t>
    <phoneticPr fontId="31" type="noConversion"/>
  </si>
  <si>
    <t>5X</t>
    <phoneticPr fontId="31" type="noConversion"/>
  </si>
  <si>
    <t>Mic/
Speaker</t>
    <phoneticPr fontId="31" type="noConversion"/>
  </si>
  <si>
    <t>WDR,PoE,wifi, HLC, 1024preset
Smart intrusion prevention, face capture</t>
    <phoneticPr fontId="31" type="noConversion"/>
  </si>
  <si>
    <t>1/2.7" CMOS, ICR, 2880x1620:30fps, Ultra 265/H.264/MJPEG, Triple streams, DC12V, PoE,wifi, Micro SD card slot,  -10-50℃,5x lens(2.7~ 13.5mm), IR range: up to 30m, Built-in Mic &amp; speaker</t>
    <phoneticPr fontId="31" type="noConversion"/>
  </si>
  <si>
    <t>0235C4PX</t>
    <phoneticPr fontId="31" type="noConversion"/>
  </si>
  <si>
    <t>1/2.7" CMOS, ICR, 1920×1080:30fps, Ultra 265/H.264/MJPEG, Triple streams, DC12V, PoE,wifi, Micro SD card slot,  -10-50℃,5x lens(2.7~ 13.5mm), IR range: up to 30m, Built-in Mic &amp; speaker</t>
    <phoneticPr fontId="31" type="noConversion"/>
  </si>
  <si>
    <t>0235C55J</t>
    <phoneticPr fontId="31" type="noConversion"/>
  </si>
  <si>
    <t>IPC672LR-AX4DUWK</t>
    <phoneticPr fontId="31" type="noConversion"/>
  </si>
  <si>
    <t>768Mbps</t>
  </si>
  <si>
    <t>24 x 1080P@25
20 x 1080P@30
5 x 4K@30</t>
  </si>
  <si>
    <t>4U</t>
  </si>
  <si>
    <t>0235C4TX</t>
  </si>
  <si>
    <t>0235C4TW</t>
  </si>
  <si>
    <t>128-ch, 24 SATA interface, 4U, H.265&amp;4K, 4 Network interface, RAID0/1/5/10/50/60, Redundant power supply(opitional), 2 miniSAS ports, 4 extension boards, 1 eSATA</t>
  </si>
  <si>
    <t>256-ch, 24 SATA interface, 4U, H.265&amp;4K, 4 Network interface, RAID0/1/5/10/50/60, Redundant power supply(opitional), 2 miniSAS ports, 4 extension boards, 1 eSATA</t>
  </si>
  <si>
    <t xml:space="preserve">IPC6622SR-X25-VF </t>
    <phoneticPr fontId="19" type="noConversion"/>
  </si>
  <si>
    <t>25X</t>
    <phoneticPr fontId="31" type="noConversion"/>
  </si>
  <si>
    <t>LightHunter, WDR, IP66, 25X optical zoom
Smart Intrusion Prevention, auto-tracking</t>
    <phoneticPr fontId="31" type="noConversion"/>
  </si>
  <si>
    <t>1/2.8" CMOS, ICR, 1920x1080:30fps, Ultra 265/H.264/MJPEG, Triple streams, DC24V, POE, Micro SD card slot,  Alarm in/out 2/1, Audio, -40-65℃, IP66, 25x optical zoom( 5~125mm), IR range: up to 150m, IR anti-reflection window</t>
    <phoneticPr fontId="31" type="noConversion"/>
  </si>
  <si>
    <t>0235C5D5</t>
    <phoneticPr fontId="31" type="noConversion"/>
  </si>
  <si>
    <t>2MP</t>
    <phoneticPr fontId="31" type="noConversion"/>
  </si>
  <si>
    <t>25X</t>
    <phoneticPr fontId="31" type="noConversion"/>
  </si>
  <si>
    <t>LightHunter, WDR, IP66, 25X optical zoom
Smart Intrusion Prevention, auto-tracking
Face capture</t>
    <phoneticPr fontId="31" type="noConversion"/>
  </si>
  <si>
    <t>1/2.8" CMOS, ICR, 1920x1080:60fps, Ultra 265/H.264/MJPEG, 5 streams, DC24V, POE, Micro SD card slot,  Alarm in/out 2/1, Audio, -40-65℃, IP66, 25x optical zoom( 5~125mm), IR range: up to 150m, IR anti-reflection window</t>
    <phoneticPr fontId="31" type="noConversion"/>
  </si>
  <si>
    <t>0235C5D3</t>
    <phoneticPr fontId="31" type="noConversion"/>
  </si>
  <si>
    <t xml:space="preserve">0235TRA9 </t>
  </si>
  <si>
    <t>4MP</t>
    <phoneticPr fontId="31" type="noConversion"/>
  </si>
  <si>
    <t>120dB WDR, IP67, HLC,EasyStar</t>
    <phoneticPr fontId="31" type="noConversion"/>
  </si>
  <si>
    <t>2.8mm, Fixed</t>
    <phoneticPr fontId="31" type="noConversion"/>
  </si>
  <si>
    <t>DWDR</t>
    <phoneticPr fontId="31" type="noConversion"/>
  </si>
  <si>
    <t>1/2.7" CMOS, ICR, 1920x1080:30fps, Ultra 265/H.264/MJPEG, Two stream,   DC5V,  DWDR,  2.8mm fixed lens, IR range: up to 10m. Bulit-in speaker.</t>
    <phoneticPr fontId="31" type="noConversion"/>
  </si>
  <si>
    <t>0235C54W</t>
    <phoneticPr fontId="32" type="noConversion"/>
  </si>
  <si>
    <t>1/3" CMOS, ICR, 1920x1080:30fps, Ultra 265/H.265/H.264/MJPEG, Double stream,   DC12V &amp; PoE,Fixed lens 2.8mm,4mm, IR &amp; Warm LED range: up to 30m. , 3-axis   EasyStar: 0.003 Lux min. illumination</t>
    <phoneticPr fontId="31" type="noConversion"/>
  </si>
  <si>
    <t>1/3" CMOS, ICR, 1920x1080:30fps, Ultra 265/H.265/H.264/MJPEG, Double stream,   DC12V &amp; PoE,Fixed lens 2.8mm,4mm,  IR &amp; Warm LED range: up to 30m. , 3-axis   EasyStar: 0.003 Lux min. illumination</t>
    <phoneticPr fontId="31" type="noConversion"/>
  </si>
  <si>
    <t>0235C5AV</t>
    <phoneticPr fontId="18" type="noConversion"/>
  </si>
  <si>
    <t>IPC2A24SE-ADZK-I0</t>
    <phoneticPr fontId="18" type="noConversion"/>
  </si>
  <si>
    <t xml:space="preserve"> </t>
    <phoneticPr fontId="21" type="noConversion"/>
  </si>
  <si>
    <t>IPC254EB-DX22GK-I0</t>
    <phoneticPr fontId="18" type="noConversion"/>
  </si>
  <si>
    <t>IPC2A28SE-ADZK-I0</t>
    <phoneticPr fontId="18" type="noConversion"/>
  </si>
  <si>
    <t>30X</t>
    <phoneticPr fontId="31" type="noConversion"/>
  </si>
  <si>
    <t>LightHunter, WDR, IP66, 33X optical zoom
Smart Intrusion Prevention, auto-tracking</t>
    <phoneticPr fontId="31" type="noConversion"/>
  </si>
  <si>
    <t>1/2.8" CMOS, ICR, 1920x1080:30fps, Ultra 265/H.264/MJPEG, Triple streams, DC24V, POE, Micro SD card slot,  Alarm in/out 2/1, Audio, -40-65℃, IP66, 33x optical zoom( 4.5~148.5mm), IR range: up to 150m, IR anti-reflection window</t>
    <phoneticPr fontId="31" type="noConversion"/>
  </si>
  <si>
    <t>0235C5D6</t>
    <phoneticPr fontId="31" type="noConversion"/>
  </si>
  <si>
    <t>IPC6854ER-X40-VF</t>
    <phoneticPr fontId="19" type="noConversion"/>
  </si>
  <si>
    <t>PTZ 40X</t>
    <phoneticPr fontId="19" type="noConversion"/>
  </si>
  <si>
    <t>PTZ 40X</t>
    <phoneticPr fontId="19" type="noConversion"/>
  </si>
  <si>
    <t>IPC6858ER-X40-VF</t>
    <phoneticPr fontId="19" type="noConversion"/>
  </si>
  <si>
    <t>IPC7622ER-X44-VF</t>
    <phoneticPr fontId="19" type="noConversion"/>
  </si>
  <si>
    <t>Easy-Hybrid</t>
    <phoneticPr fontId="23" type="noConversion"/>
  </si>
  <si>
    <t>XVR301-04G</t>
    <phoneticPr fontId="18" type="noConversion"/>
  </si>
  <si>
    <t>NVR301-08S2-P8</t>
    <phoneticPr fontId="18" type="noConversion"/>
  </si>
  <si>
    <t>Prime-III</t>
    <phoneticPr fontId="31" type="noConversion"/>
  </si>
  <si>
    <t>IPC3734SE-ADZK-I0</t>
    <phoneticPr fontId="18" type="noConversion"/>
  </si>
  <si>
    <t>IPC3738SE-ADZK-I0</t>
    <phoneticPr fontId="18" type="noConversion"/>
  </si>
  <si>
    <t>IPC3634SE-ADZK-I0</t>
    <phoneticPr fontId="18" type="noConversion"/>
  </si>
  <si>
    <t>IPC3638SE-ADZK-I0</t>
    <phoneticPr fontId="18" type="noConversion"/>
  </si>
  <si>
    <t>IPC6854ER-X40G-VF</t>
    <phoneticPr fontId="19" type="noConversion"/>
  </si>
  <si>
    <t>7/2</t>
    <phoneticPr fontId="31" type="noConversion"/>
  </si>
  <si>
    <t>LightHunter, 120dBWDR, HLC, IP66, 40X optical zoom, Smart Intrusion Prevention, auto-tracking, Face capture</t>
    <phoneticPr fontId="31" type="noConversion"/>
  </si>
  <si>
    <t xml:space="preserve">1/2.8" CMOS, ICR, 2688*1520:30fps,  Ultra 265/H.264/MJPEG,5 streams, AC24V/DC24V/PoE(IEEE 802.3bt), Micro SD card slot, Alarm in/out 7/2, Audio, -40-70℃, IP66,  40x optical zoom(5.7~ 228mm),   IR range: up to 250m, IR anti-reflection window, SFP </t>
    <phoneticPr fontId="31" type="noConversion"/>
  </si>
  <si>
    <t>0235C5DU</t>
    <phoneticPr fontId="31" type="noConversion"/>
  </si>
  <si>
    <t>PTZ 45X</t>
    <phoneticPr fontId="19" type="noConversion"/>
  </si>
  <si>
    <t>45X</t>
    <phoneticPr fontId="31" type="noConversion"/>
  </si>
  <si>
    <t>LightHunter, 120dBWDR, HLC, IP66, 45X optical zoom, Smart Intrusion Prevention, auto-tracking, Face capture</t>
    <phoneticPr fontId="31" type="noConversion"/>
  </si>
  <si>
    <t>1/1.8" CMOS, ICR, 1920*1080:60fps,  Ultra 265/H.264/MJPEG, 5 streams, AC24V/DC24V/PoE(IEEE 802.3bt), Micro SD card slot, Alarm in/out 7/2, Audio, -40-70℃, IP66,  45x optical zoom(5.7~ 256.5mm),   IR range: up to 250m, IR anti-reflection window</t>
    <phoneticPr fontId="31" type="noConversion"/>
  </si>
  <si>
    <t>0235C54Q</t>
    <phoneticPr fontId="31" type="noConversion"/>
  </si>
  <si>
    <t>Keyboard</t>
    <phoneticPr fontId="31" type="noConversion"/>
  </si>
  <si>
    <t>KB-1100</t>
    <phoneticPr fontId="31" type="noConversion"/>
  </si>
  <si>
    <t>0235C2NB</t>
  </si>
  <si>
    <t>1/3" CMOS, ICR, 1920x1080:30fps, Ultra 265/H.265/H.264/MJPEG, Double stream,   DC12V &amp; PoE,Fixed lens 2.8mm,4mm,  IR &amp; Warm LED range: up to 30m. , 3-axis Metal base   EasyStar: 0.003 Lux min. illumination</t>
    <phoneticPr fontId="31" type="noConversion"/>
  </si>
  <si>
    <t>IPC2125LE-ADF28KM-G1</t>
    <phoneticPr fontId="32" type="noConversion"/>
  </si>
  <si>
    <t>IPC2125LE-ADF40KM-G1</t>
    <phoneticPr fontId="32" type="noConversion"/>
  </si>
  <si>
    <t>IPC325LE-ADF28K-G1</t>
    <phoneticPr fontId="32" type="noConversion"/>
  </si>
  <si>
    <t>IPC3615LE-ADF28K-G1</t>
    <phoneticPr fontId="32" type="noConversion"/>
  </si>
  <si>
    <t>IPC2124SS-ADF28KM-I0</t>
    <phoneticPr fontId="31" type="noConversion"/>
  </si>
  <si>
    <t>IPC2124SS-ADF40KM-I0</t>
    <phoneticPr fontId="31" type="noConversion"/>
  </si>
  <si>
    <t>IPC324SS-DF28K-I0</t>
    <phoneticPr fontId="31" type="noConversion"/>
  </si>
  <si>
    <t>IPC324SS-DF40K-I0</t>
    <phoneticPr fontId="31" type="noConversion"/>
  </si>
  <si>
    <t>IPC3614SS-ADF28KM-I0</t>
    <phoneticPr fontId="31" type="noConversion"/>
  </si>
  <si>
    <t>IPC3614SS-ADF40KM-I0</t>
    <phoneticPr fontId="31" type="noConversion"/>
  </si>
  <si>
    <t>IPC2324SS-DZK-I0</t>
    <phoneticPr fontId="31" type="noConversion"/>
  </si>
  <si>
    <t>IPC3234SS-DZK-I0</t>
    <phoneticPr fontId="31" type="noConversion"/>
  </si>
  <si>
    <t>IPC3634SS-ADZK-I0</t>
    <phoneticPr fontId="31" type="noConversion"/>
  </si>
  <si>
    <t>IPC2125SS-ADF28KM-I0</t>
    <phoneticPr fontId="31" type="noConversion"/>
  </si>
  <si>
    <t>IPC2125SS-ADF40KM-I0</t>
    <phoneticPr fontId="31" type="noConversion"/>
  </si>
  <si>
    <t>IPC325SS-DF28K-I0</t>
    <phoneticPr fontId="31" type="noConversion"/>
  </si>
  <si>
    <t>IPC325SS-DF40K-I0</t>
    <phoneticPr fontId="31" type="noConversion"/>
  </si>
  <si>
    <t>IPC3615SS-ADF28KM-I0</t>
    <phoneticPr fontId="31" type="noConversion"/>
  </si>
  <si>
    <t>IPC3615SS-ADF40KM-I0</t>
    <phoneticPr fontId="31" type="noConversion"/>
  </si>
  <si>
    <t>IPC2325SS-DZK-I0</t>
    <phoneticPr fontId="31" type="noConversion"/>
  </si>
  <si>
    <t>IPC3235SS-DZK-I0</t>
    <phoneticPr fontId="31" type="noConversion"/>
  </si>
  <si>
    <t>IPC3635SS-ADZK-I0</t>
    <phoneticPr fontId="31" type="noConversion"/>
  </si>
  <si>
    <t>√</t>
    <phoneticPr fontId="31" type="noConversion"/>
  </si>
  <si>
    <t xml:space="preserve"> </t>
    <phoneticPr fontId="18" type="noConversion"/>
  </si>
  <si>
    <t>1/2.7" CMOS, ICR, 2880x1620:25fps, Ultra 265/H.265/H.264/MJPEG, Double stream,   DC12V &amp; PoE,Fixed lens 2.8mm,4mm, IR range: up to 50m. , 3-axis   EasyStar: 0.003 Lux min. illumination</t>
    <phoneticPr fontId="31" type="noConversion"/>
  </si>
  <si>
    <t>0235C5T9</t>
    <phoneticPr fontId="31" type="noConversion"/>
  </si>
  <si>
    <t>0235C5TB</t>
    <phoneticPr fontId="31" type="noConversion"/>
  </si>
  <si>
    <t>1/2.7" CMOS, ICR, 2880x1620:25fps,Ultra 265/H.265/H.264/MJPEG, Double stream,   DC12V &amp; PoE,Fixed lens 2.8mm,4mm, IR range: up to 30m. , 3-axis   EasyStar: 0.003 Lux min. illumination</t>
    <phoneticPr fontId="31" type="noConversion"/>
  </si>
  <si>
    <t>0235C5TL</t>
    <phoneticPr fontId="31" type="noConversion"/>
  </si>
  <si>
    <t>0235C5TP</t>
    <phoneticPr fontId="31" type="noConversion"/>
  </si>
  <si>
    <t>120dB WDR, IP67,HLC, 3-Axis，LightHunter，Built in AI algorithm</t>
  </si>
  <si>
    <t>0235C5JN</t>
  </si>
  <si>
    <t>0235C5JU</t>
  </si>
  <si>
    <t>Prime-I</t>
    <phoneticPr fontId="18" type="noConversion"/>
  </si>
  <si>
    <t>IPC2312SB-ADF40KM-I0</t>
    <phoneticPr fontId="18" type="noConversion"/>
  </si>
  <si>
    <t>120dB WDR, IP67, HLC, 3-Axis，LightHunter，Built in AI algorithm</t>
  </si>
  <si>
    <t>0235C5JW</t>
  </si>
  <si>
    <t>0235C5JL</t>
  </si>
  <si>
    <t>5MP</t>
    <phoneticPr fontId="31" type="noConversion"/>
  </si>
  <si>
    <t>0235C5JP</t>
  </si>
  <si>
    <t>0235C5JK</t>
  </si>
  <si>
    <t>0235C4GV</t>
  </si>
  <si>
    <t>0235C4GS</t>
  </si>
  <si>
    <t>0235C4GU</t>
  </si>
  <si>
    <t>0235C4GW</t>
  </si>
  <si>
    <t>2.8mm, Fixed</t>
    <phoneticPr fontId="31" type="noConversion"/>
  </si>
  <si>
    <t>120dB WDR, IP67, HLC, LightHunter，50m IR,Built in AI algorithm</t>
    <phoneticPr fontId="31" type="noConversion"/>
  </si>
  <si>
    <t>1/3" CMOS, ICR, 2688*1520: 30fps; 2560*1440: 30fps, Ultra 265/H.264/MJPEG, Triple streams, DC12V &amp; PoE, IP67, Fixed lens(2.8mm, 4.0mm), IR range: up to 50m,, Micro SD card slot,  120dB WDR，Bulit-in Mic,IR anti-reflection window, Bulit-in bracket，LightHunter: 0.003 Lux min. illumination</t>
    <phoneticPr fontId="31" type="noConversion"/>
  </si>
  <si>
    <t>0235C4GF</t>
    <phoneticPr fontId="32" type="noConversion"/>
  </si>
  <si>
    <t>0235C4GE</t>
    <phoneticPr fontId="32" type="noConversion"/>
  </si>
  <si>
    <t>120dB WDR, IP67, HLC, LightHunter，30m IR,Built in AI algorithm</t>
    <phoneticPr fontId="31" type="noConversion"/>
  </si>
  <si>
    <t>1/2.7" CMOS, ICR, 2688*1520: 30fps; Ultra 265/H.264/MJPEG, Triple streams, DC12V &amp; PoE, IP67&amp;IK10, Fixed lens(2.8mm, 4.0mm),, Micro SD card slot,  120dB WDR，Alarm in/out 1/1, Audio in/out  1/1, IP67 &amp; IK10, IR range: up to 30m,  3-Axis，LightHunter: 0.003 Lux min. illumination</t>
    <phoneticPr fontId="31" type="noConversion"/>
  </si>
  <si>
    <t>4.0mm, Fixed</t>
    <phoneticPr fontId="31" type="noConversion"/>
  </si>
  <si>
    <t>120dB WDR, IP67, HLC, LightHunter，30m IR,Built in AI algorithm</t>
    <phoneticPr fontId="31" type="noConversion"/>
  </si>
  <si>
    <t>1/2.7" CMOS, ICR, 2688*1520: 30fps, Ultra 265/H.264/MJPEG, Triple streams, DC12V &amp; PoE, IP67, Fixed lens(2.8mm, 4.0mm), IR range: up to 30m,, Micro SD card slot,  120dB WDR，Bulit-in Mic,IR anti-reflection window,LightHunter: 0.003 Lux min. illumination</t>
    <phoneticPr fontId="31" type="noConversion"/>
  </si>
  <si>
    <t>0235C4GL</t>
    <phoneticPr fontId="32" type="noConversion"/>
  </si>
  <si>
    <t>Ultra 265</t>
    <phoneticPr fontId="31" type="noConversion"/>
  </si>
  <si>
    <t>0235C4GM</t>
    <phoneticPr fontId="32" type="noConversion"/>
  </si>
  <si>
    <t>2.7-13.5mm, Motorized</t>
    <phoneticPr fontId="31" type="noConversion"/>
  </si>
  <si>
    <t>120dB WDR,IP67&amp;IK10, HLC, LightHunter，50m IR,Built in AI algorithm</t>
    <phoneticPr fontId="31" type="noConversion"/>
  </si>
  <si>
    <t>1/2.7" CMOS, ICR, 2688*1520: 30fps; 2560*1440: 30fps, Ultra 265/H.264/MJPEG,  Triple streams, DC12V &amp; PoE,  Micro SD card slot, Alarm in/out 1/1, Audio in/out 1/1, IP67&amp;IK10, 2.7-13.5mm F1.2 Motorized lens, IR anti-reflection window, Bulit-in bracket, IR range: up to 50m，LightHunter: 0.002 Lux min. illumination</t>
    <phoneticPr fontId="31" type="noConversion"/>
  </si>
  <si>
    <t>0235C4F3</t>
    <phoneticPr fontId="32" type="noConversion"/>
  </si>
  <si>
    <t>4MP</t>
    <phoneticPr fontId="31" type="noConversion"/>
  </si>
  <si>
    <t>2.7-13.5mm, Motorized</t>
    <phoneticPr fontId="31" type="noConversion"/>
  </si>
  <si>
    <t>120dB WDR,IP67&amp;IK10, HLC, LightHunter，40m IR,Built in AI algorithm</t>
    <phoneticPr fontId="31" type="noConversion"/>
  </si>
  <si>
    <t>1/2.7" CMOS, ICR, 2688*1520: 30fps; 2560*1440: 30fps, Ultra 265/H.264/MJPEG,  Triple streams, DC12V &amp; PoE,  Micro SD card slot, Alarm in/out 1/1, Audio in/out 1/1, IP67&amp;IK10, 2.7-13.5mm F1.2 Motorized lens, IR anti-reflection windowIR range: up to 40m，LightHunter: 0.002 Lux min. illumination</t>
    <phoneticPr fontId="31" type="noConversion"/>
  </si>
  <si>
    <t>0235C4EW</t>
    <phoneticPr fontId="31" type="noConversion"/>
  </si>
  <si>
    <t>1/2.8" CMOS, ICR,2688*1520: 30fps; 2560*1440: 30fps,Ultra 265/H.264/MJPEG,  Triple streams, DC12V &amp; PoE,  Micro SD card slot, Bulit-in Mic, IP67&amp;IK10, 2.7-13.5mm F1.2 Motorized lens, IR anti-reflection window, IR range: up to 40m，LightHunter: 0.002 Lux min. illumination</t>
    <phoneticPr fontId="31" type="noConversion"/>
  </si>
  <si>
    <t>0235C4F8</t>
    <phoneticPr fontId="31" type="noConversion"/>
  </si>
  <si>
    <t>1/2.7" CMOS, ICR, 2592*1944: 20fps; 2560*1440: 30fps, Ultra 265/H.264/MJPEG, Triple streams, DC12V &amp; PoE, IP67, Fixed lens(2.8mm, 4.0mm), IR range: up to 50m,, Micro SD card slot,  120dB WDR，Bulit-in Mic,IR anti-reflection window, Bulit-in bracket，LightHunter: 0.003 Lux min. illumination</t>
    <phoneticPr fontId="31" type="noConversion"/>
  </si>
  <si>
    <t>0235C4GC</t>
    <phoneticPr fontId="32" type="noConversion"/>
  </si>
  <si>
    <t>0235C4GD</t>
    <phoneticPr fontId="32" type="noConversion"/>
  </si>
  <si>
    <t>5MP</t>
    <phoneticPr fontId="31" type="noConversion"/>
  </si>
  <si>
    <t>1/2.7" CMOS, ICR, 5MP(2592*1944),Max 20fps; 4MP(2560*1440),Max 30fps; Ultra 265/H.264/MJPEG, Triple streams, DC12V &amp; PoE, IP67&amp;IK10, Fixed lens(2.8mm, 4.0mm),, Micro SD card slot,  120dB WDR，Alarm in/out 1/1, Audio in/out  1/1, IP67 &amp; IK10, IR range: up to 30m,  3-Axis，LightHunter: 0.003 Lux min. illumination</t>
    <phoneticPr fontId="31" type="noConversion"/>
  </si>
  <si>
    <t>5MP</t>
    <phoneticPr fontId="31" type="noConversion"/>
  </si>
  <si>
    <t>4.0mm, Fixed</t>
    <phoneticPr fontId="31" type="noConversion"/>
  </si>
  <si>
    <t>2.8mm, Fixed</t>
    <phoneticPr fontId="31" type="noConversion"/>
  </si>
  <si>
    <t>1/2.7" CMOS, ICR, 5MP(2592*1944),Max 20fps; 4MP(2560*1440),Max 30fps Ultra 265/H.264/MJPEG, Triple streams, DC12V &amp; PoE, IP67, Fixed lens(2.8mm, 4.0mm), IR range: up to 30m,, Micro SD card slot,  120dB WDR，Bulit-in Mic,IR anti-reflection window,LightHunter: 0.003 Lux min. illumination</t>
    <phoneticPr fontId="31" type="noConversion"/>
  </si>
  <si>
    <t>0235C4GY</t>
    <phoneticPr fontId="32" type="noConversion"/>
  </si>
  <si>
    <t>Ultra 265</t>
    <phoneticPr fontId="31" type="noConversion"/>
  </si>
  <si>
    <t>0235C4GK</t>
    <phoneticPr fontId="32" type="noConversion"/>
  </si>
  <si>
    <t>1/2.7" CMOS, ICR, 5MP(2592*1944),Max 20fps; Ultra 265/H.264/MJPEG,  Triple streams, DC12V &amp; PoE,  Micro SD card slot, Alarm in/out 1/1, Audio in/out 1/1, IP67&amp;IK10, 2.7-13.5mm F1.2 Motorized lens, IR anti-reflection window, Bulit-in bracket, IR range: up to 50m，LightHunter: 0.002 Lux min. illumination</t>
    <phoneticPr fontId="31" type="noConversion"/>
  </si>
  <si>
    <t>0235C4F4</t>
    <phoneticPr fontId="32" type="noConversion"/>
  </si>
  <si>
    <t>1/2.7" CMOS, ICR, 5MP(2592*1944),Max 20fps; Ultra 265/H.264/MJPEG,  Triple streams, DC12V &amp; PoE,  Micro SD card slot, Alarm in/out 1/1, Audio in/out 1/1, IP67&amp;IK10, 2.7-13.5mm F1.2 Motorized lens, IR anti-reflection window,IR range: up to 40m，LightHunter: 0.002 Lux min. illumination</t>
    <phoneticPr fontId="31" type="noConversion"/>
  </si>
  <si>
    <t>0235C4EX</t>
    <phoneticPr fontId="31" type="noConversion"/>
  </si>
  <si>
    <t>1/2.8" CMOS, ICR,(2592*1944),Max 20fps; 2560*1440: 30fps,Ultra 265/H.264/MJPEG,  Triple streams, DC12V &amp; PoE,  Micro SD card slot, Bulit-in Mic, IP67&amp;IK10, 2.7-13.5mm F1.2 Motorized lens, IR anti-reflection window, IR range: up to 40m，LightHunter: 0.002 Lux min. illumination</t>
    <phoneticPr fontId="31" type="noConversion"/>
  </si>
  <si>
    <t>0235C4FB</t>
    <phoneticPr fontId="31" type="noConversion"/>
  </si>
  <si>
    <t>1.4mm，Fixed</t>
    <phoneticPr fontId="31" type="noConversion"/>
  </si>
  <si>
    <t>X</t>
    <phoneticPr fontId="31" type="noConversion"/>
  </si>
  <si>
    <t>120dB WDR, IP66&amp;IK10</t>
    <phoneticPr fontId="31" type="noConversion"/>
  </si>
  <si>
    <t>1/2.8" CMOS, ICR, 5MP (2592*1944): Max.30fps; 4MP (2560*1440): Max.30fps; 3MP (2304*1296): Max.30fps; 1080P (1920*1080): Max.30fps;Ultra 265/H.265/H.264/MJPEG, Triple streams ,DC12V &amp; PoE, 120dB WDR, 1.4mm fixed lens, IR range: up to 10m, Micro SD card slot， 0.001 Lux min. illumination</t>
    <phoneticPr fontId="31" type="noConversion"/>
  </si>
  <si>
    <t>0235C5GA</t>
    <phoneticPr fontId="32" type="noConversion"/>
  </si>
  <si>
    <t>120dB WDR, IP67, HLC, 3-Axis，Colorhunter，Built in AI algorithm</t>
    <phoneticPr fontId="31" type="noConversion"/>
  </si>
  <si>
    <t>1/2.7" CMOS, ICR, 4MP (2688*1520), Max 30fps; 4MP (2560*1440), Max 30fps; 3MP (2304*1296), Max 30fps; 1080P (1920*1080), Max 30fps; Ultra 265/H.264/MJPEG, Triple streams ,DC12V &amp; PoE, 120dB WDR,(2.8mm,4mm)fixed lens, IR&amp;LED range: up to 30m, Micro SD card slot,  Bulit-in Mic &amp; Speaker，LightHunter: 0.003 Lux min. illumination</t>
    <phoneticPr fontId="31" type="noConversion"/>
  </si>
  <si>
    <t>0235C5J3</t>
    <phoneticPr fontId="32" type="noConversion"/>
  </si>
  <si>
    <t>120dB WDR, IP67, HLC, 3-Axis，ColorHunter，Built in AI algorithm</t>
    <phoneticPr fontId="31" type="noConversion"/>
  </si>
  <si>
    <t>0235C5J5</t>
    <phoneticPr fontId="32" type="noConversion"/>
  </si>
  <si>
    <t>1/2.7" CMOS, ICR, 5MP (2880*1620), Max 30fps; 4MP (2560*1440), Max 30fps; 3MP (2304*1296), Max 30fps; 1080P (1920*1080), Max 30fps; Ultra 265/H.265/H.264/MJPEG, Triple streams ,DC12V &amp; PoE, 120dB WDR, Fixed lens (2.8mm,4mm), IR&amp;LED range: up to 30m, Micro SD card slot,  Bulit-in Mic &amp; Speaker，LightHunter: 0.003 Lux min. illumination</t>
    <phoneticPr fontId="31" type="noConversion"/>
  </si>
  <si>
    <t>0235C5J8</t>
    <phoneticPr fontId="32" type="noConversion"/>
  </si>
  <si>
    <t>120dB WDR, IP67, HLC, 3-Axis，Colorhunter,Built in AI algorithm</t>
    <phoneticPr fontId="31" type="noConversion"/>
  </si>
  <si>
    <t>0235C5J7</t>
    <phoneticPr fontId="32" type="noConversion"/>
  </si>
  <si>
    <t>Prime-I</t>
    <phoneticPr fontId="31" type="noConversion"/>
  </si>
  <si>
    <t>IPC2125SB-ADF40KMC-I0</t>
    <phoneticPr fontId="31" type="noConversion"/>
  </si>
  <si>
    <t>4MP</t>
    <phoneticPr fontId="31" type="noConversion"/>
  </si>
  <si>
    <t>4.0mm, Fixed
F1.0</t>
  </si>
  <si>
    <t>√</t>
    <phoneticPr fontId="31" type="noConversion"/>
  </si>
  <si>
    <t>√</t>
    <phoneticPr fontId="31" type="noConversion"/>
  </si>
  <si>
    <t>120dB WDR, IP67&amp;IK10,  ColorHunter，Built in AI algorithm</t>
    <phoneticPr fontId="31" type="noConversion"/>
  </si>
  <si>
    <t>1/1.8" CMOS, ICR,, 4MP (2688*1520), Max 30fps; 4MP (2560*1440), Max 30fps; 2MP(1920*1080), Max 30fps; Ultra 265/H.265/H.264/MJPEG, Triple streams ,DC12V &amp; PoE, 120dB WDR, 4mm fixed lens, LED distance: up to TBD, IR anti-reflection window, Micro SD card slot，0.001 Lux min. illumination</t>
    <phoneticPr fontId="31" type="noConversion"/>
  </si>
  <si>
    <t>0235C5K7</t>
    <phoneticPr fontId="32" type="noConversion"/>
  </si>
  <si>
    <t>4MP</t>
    <phoneticPr fontId="31" type="noConversion"/>
  </si>
  <si>
    <t>6.0mm, Fixed
F1.0</t>
    <phoneticPr fontId="31" type="noConversion"/>
  </si>
  <si>
    <t>1/1.8" CMOS, ICR, 4MP (2688*1520), Max 30fps; 4MP (2560*1440), Max 30fps; 2MP(1920*1080), Max 30fps; Ultra 265/H.265/H.264/MJPEG, Triple streams ,DC12V &amp; PoE, 120dB WDR, 4mm fixed lens, LED distance: up to TBD, IR anti-reflection window, Micro SD card slot，0.001 Lux min. illumination</t>
    <phoneticPr fontId="31" type="noConversion"/>
  </si>
  <si>
    <t>0235C5K8</t>
    <phoneticPr fontId="32" type="noConversion"/>
  </si>
  <si>
    <t>2.8~12mm,F1.2
Motorized</t>
    <phoneticPr fontId="31" type="noConversion"/>
  </si>
  <si>
    <t>1/1</t>
    <phoneticPr fontId="31" type="noConversion"/>
  </si>
  <si>
    <t>2/1</t>
    <phoneticPr fontId="31" type="noConversion"/>
  </si>
  <si>
    <t>120dB WDR, IP67&amp;IK10, Mic，LightHunter，Built in AI algorithm</t>
    <phoneticPr fontId="31" type="noConversion"/>
  </si>
  <si>
    <t>1/1.8" CMOS, ICR, 4MP (2688*1520), Max 30fps; Ultra 265/H.265/H.264/MJPEG, Triple streams ,DC12V &amp; PoE, 120dB WDR, 2.8-12 mm motorized lens, IR range: up to 80m， Micro SD card slot，0.0005 Lux min. illumination</t>
    <phoneticPr fontId="31" type="noConversion"/>
  </si>
  <si>
    <t>0235C5KJ</t>
    <phoneticPr fontId="32" type="noConversion"/>
  </si>
  <si>
    <t>8MP</t>
    <phoneticPr fontId="31" type="noConversion"/>
  </si>
  <si>
    <t>2.8~12mm,F1.2 Motorized</t>
    <phoneticPr fontId="31" type="noConversion"/>
  </si>
  <si>
    <t>1/1.8" CMOS, ICR,8MP (3840*2160), Max 30fps in Frame Rate Priority mode; Max 20fps in Smart Priority mode;Ultra 265/H.265/H.264/MJPEG, Triple streams ,DC12V &amp; PoE, 120dB WDR, 4 mm fixed lens, IR range: up to 80m, Micro SD card slot，0.001 Lux min. illumination</t>
    <phoneticPr fontId="31" type="noConversion"/>
  </si>
  <si>
    <t>0235C5KH</t>
    <phoneticPr fontId="32" type="noConversion"/>
  </si>
  <si>
    <t>2.8~12mm,F1.2 Motorized</t>
    <phoneticPr fontId="31" type="noConversion"/>
  </si>
  <si>
    <t>1/1</t>
    <phoneticPr fontId="31" type="noConversion"/>
  </si>
  <si>
    <t>2/1</t>
    <phoneticPr fontId="31" type="noConversion"/>
  </si>
  <si>
    <t>120dB WDR, IP67&amp;IK10, Mic，LightHunter，Built in AI algorithm</t>
    <phoneticPr fontId="31" type="noConversion"/>
  </si>
  <si>
    <t>1/1.8" CMOS, ICR, 4MP (2688*1520), Max 30fps; Ultra 265/H.265/H.264/MJPEG, Triple streams ,DC12V &amp; PoE, 120dB WDR, 2.8-12 mm motorized lens, IR range: up to 40m， Micro SD card slot，0.0005 Lux min. illumination</t>
    <phoneticPr fontId="31" type="noConversion"/>
  </si>
  <si>
    <t>0235C5KN</t>
    <phoneticPr fontId="32" type="noConversion"/>
  </si>
  <si>
    <t>8MP</t>
    <phoneticPr fontId="31" type="noConversion"/>
  </si>
  <si>
    <t>0235C5KM</t>
    <phoneticPr fontId="32" type="noConversion"/>
  </si>
  <si>
    <t>1/1.8" CMOS, ICR, 4MP (2688*1520), Max 30fps;Ultra 265/H.265/H.264/MJPEG, Triple streams ,DC12V &amp; PoE, 120dB WDR, 2.8-12 mm motorized lens, IR range: up to 40m， Micro SD card slot，0 Lux min. illumination</t>
    <phoneticPr fontId="31" type="noConversion"/>
  </si>
  <si>
    <t>0235C5KQ</t>
    <phoneticPr fontId="32" type="noConversion"/>
  </si>
  <si>
    <t>0235C5KP</t>
    <phoneticPr fontId="32" type="noConversion"/>
  </si>
  <si>
    <t>IPC262EB-HDX10K-I0</t>
    <phoneticPr fontId="18" type="noConversion"/>
  </si>
  <si>
    <t>IPC568EB-DGK-I0</t>
    <phoneticPr fontId="31" type="noConversion"/>
  </si>
  <si>
    <t>2MP</t>
    <phoneticPr fontId="31" type="noConversion"/>
  </si>
  <si>
    <t>5-50mm, Motorized</t>
    <phoneticPr fontId="31" type="noConversion"/>
  </si>
  <si>
    <t>120dB WDR,  IP67&amp;IK10,3-Axis,Lighthunter, HLC,
100m IR,Built in AI algorithm</t>
    <phoneticPr fontId="31" type="noConversion"/>
  </si>
  <si>
    <t>1/2.8“ CMOS, ICR, 1920*1080 60fps,Ultra 265/H.264/MJPEG, five streams, AC24V&amp; DC12V &amp; PoE, Micro SD card slot, IP67&amp;IK10,Alarm 2/1, Audio1/1, 120dB WDR, 5-50mm F1.6 Motorized lens, IR range: up to 100m, 3-Axis, Lighthunter: 0.002Lux min. illumination</t>
    <phoneticPr fontId="31" type="noConversion"/>
  </si>
  <si>
    <t>0235C5EM</t>
    <phoneticPr fontId="32" type="noConversion"/>
  </si>
  <si>
    <t>6.5-143mm, Motorized</t>
    <phoneticPr fontId="31" type="noConversion"/>
  </si>
  <si>
    <t>120dB WDR,  IP67,3-Axis,Lighthunter, HLC,
150m IR,Built in AI algorithm</t>
    <phoneticPr fontId="31" type="noConversion"/>
  </si>
  <si>
    <t>1/1.8“ CMOS, ICR, 2688*1520 30fps,Ultra 265/H.264/MJPEG, Triple streams, AC24V&amp; DC12V &amp; PoE, Micro SD card slot, IP67,Alarm 2/1, Audio1/1, 120dB WDR, 6.5-143mm F1.2 Motorized lens, IR range: up to 150m, 3-Axis, Lighthunter: 0.001Lux min. illumination</t>
    <phoneticPr fontId="31" type="noConversion"/>
  </si>
  <si>
    <t>0235C5E8</t>
    <phoneticPr fontId="32" type="noConversion"/>
  </si>
  <si>
    <t>Ultra 266</t>
  </si>
  <si>
    <t>\</t>
    <phoneticPr fontId="31" type="noConversion"/>
  </si>
  <si>
    <t>120dB WDR,  IP67, HLC,
Built in AI algorithm</t>
    <phoneticPr fontId="31" type="noConversion"/>
  </si>
  <si>
    <t>1/1.8" CMOS, ICR, 8MP(3840*2160),Max 30fps in Frame Rate Priority mode; Max 20fps in Smart Priority mode;Ultra 265/H.265/H.264/MJPEG, Triple streams ,DC12V &amp; PoE, 120dB WDR, Micro SD card slot</t>
    <phoneticPr fontId="31" type="noConversion"/>
  </si>
  <si>
    <t>0235C5PD</t>
    <phoneticPr fontId="32" type="noConversion"/>
  </si>
  <si>
    <t>4x</t>
    <phoneticPr fontId="31" type="noConversion"/>
  </si>
  <si>
    <t>Mic/
Speaker</t>
    <phoneticPr fontId="31" type="noConversion"/>
  </si>
  <si>
    <t>Mic/
Speaker</t>
    <phoneticPr fontId="23" type="noConversion"/>
  </si>
  <si>
    <t>PTZ 4X</t>
    <phoneticPr fontId="18" type="noConversion"/>
  </si>
  <si>
    <t>IPC672LR-AX4DUPKC</t>
    <phoneticPr fontId="23" type="noConversion"/>
  </si>
  <si>
    <t>4x</t>
    <phoneticPr fontId="23" type="noConversion"/>
  </si>
  <si>
    <t>Mic/
Speaker</t>
    <phoneticPr fontId="23" type="noConversion"/>
  </si>
  <si>
    <t>Lighthunter,WDR, IP66, 4X optical zoom, HLC,
active deterrence,auto-tracking,strobe light
human body detection and tracking
dual-way talk</t>
    <phoneticPr fontId="23" type="noConversion"/>
  </si>
  <si>
    <t>1/2.8" CMOS, ICR, 1920x1080:30fps, Ultra 265/H.264/MJPEG, Triple streams, DC12V,POE, Micro SD card slot,  mic&amp;speaker, -20-60℃, IP66, 4x optical zoom( 2.8~ 12mm), IR range: up to 50m</t>
    <phoneticPr fontId="23" type="noConversion"/>
  </si>
  <si>
    <t>0235C41N</t>
    <phoneticPr fontId="23" type="noConversion"/>
  </si>
  <si>
    <t>IPC672LR-AX4DUPK</t>
    <phoneticPr fontId="23" type="noConversion"/>
  </si>
  <si>
    <t>Lighthunter,WDR, IP66, 4X optical zoom, HLC
auto-tracking，human body detection and tracking，dual-way talk</t>
    <phoneticPr fontId="23" type="noConversion"/>
  </si>
  <si>
    <t>0235C41V</t>
    <phoneticPr fontId="23" type="noConversion"/>
  </si>
  <si>
    <t>2MP</t>
    <phoneticPr fontId="19" type="noConversion"/>
  </si>
  <si>
    <t>4mm</t>
    <phoneticPr fontId="23" type="noConversion"/>
  </si>
  <si>
    <t>Lighthunter,WDR, IP66, 4mm fixed lens, HLC,
auto-tracking，human body detection and tracking，dual-way talk</t>
    <phoneticPr fontId="23" type="noConversion"/>
  </si>
  <si>
    <t>1/2.8" CMOS, ICR, 1920x1080:30fps, Ultra 265/H.264/MJPEG, Triple streams, DC12V,POE, Micro SD card slot,  mic&amp;speaker, -20-60℃, IP66, 4mm fixed lens, IR range: up to 30m</t>
    <phoneticPr fontId="23" type="noConversion"/>
  </si>
  <si>
    <t>0235C420</t>
    <phoneticPr fontId="23" type="noConversion"/>
  </si>
  <si>
    <t>Lighthunter,WDR, IP66, 4X optical zoom, HLC
auto-tracking，human body detection and tracking，dual-way talk</t>
    <phoneticPr fontId="31" type="noConversion"/>
  </si>
  <si>
    <t>1/2.8" CMOS, ICR, 1920x1080:30fps, Ultra 265/H.264/MJPEG, Triple streams, DC12V,WIFI, Micro SD card slot,  mic&amp;speaker, -20-60℃, IP66, 4x optical zoom( 2.8~ 12mm), IR range: up to 50m</t>
    <phoneticPr fontId="31" type="noConversion"/>
  </si>
  <si>
    <t>0235C41Y</t>
    <phoneticPr fontId="31" type="noConversion"/>
  </si>
  <si>
    <t>LightHunter, WDR, IP67, IK10, 25X optical zoom, RS485, BNC
Smart Intrusion Prevention, auto-tracking
Face capture</t>
    <phoneticPr fontId="31" type="noConversion"/>
  </si>
  <si>
    <t>1/2.8" CMOS, ICR, 2688x1520:30fps, Ultra 265/H.264/MJPEG, Triple streams, DC12V, POE, Micro SD card slot,  Alarm in/out 2/1, Audio, -40-70℃, IP67, IK10, 25x optical zoom( 4.8~120mm), IR range: up to 100m, IR anti-reflection window</t>
    <phoneticPr fontId="31" type="noConversion"/>
  </si>
  <si>
    <t>0235C5FR</t>
    <phoneticPr fontId="31" type="noConversion"/>
  </si>
  <si>
    <t>33x</t>
    <phoneticPr fontId="31" type="noConversion"/>
  </si>
  <si>
    <t>LightHunter, P67, IK10, 33X optical zoom, Smart Intrusion Prevention, auto-tracking, Face capture</t>
    <phoneticPr fontId="31" type="noConversion"/>
  </si>
  <si>
    <t>1/2.8" CMOS, ICR, 2688*1520:30fps Ultra 265/H.264/MJPEG, Triple streams, AC24V/DC24V/PoE, Micro SD card slot, Alarm in/out 2/1, Audio, BNC output, -30-70℃, 33x optical zoom (4.5~148.5 mm),IP67&amp;IK10</t>
    <phoneticPr fontId="31" type="noConversion"/>
  </si>
  <si>
    <t>0235C5MA</t>
    <phoneticPr fontId="31" type="noConversion"/>
  </si>
  <si>
    <t>IPC6658SR-X25-VF</t>
    <phoneticPr fontId="31" type="noConversion"/>
  </si>
  <si>
    <t>LightHunter, P66, 25X optical zoom, Smart Intrusion Prevention, auto-tracking, Face capture, People counting</t>
    <phoneticPr fontId="31" type="noConversion"/>
  </si>
  <si>
    <t>1/1.8" CMOS, ICR,3840×2160:30fps, 1920×1080:30fps,Ultra 265/H.264/MJPEG, Triple streams, AC24V/DC24V/P:PoE (PSE Required), Micro SD card slot, Alarm in/out 2/1, Audio in/out 1/1, -40-70℃, IP66,  25x optical zoom(4.5~148.5mm),   IR range: up to 150m, IR anti-reflection window, LightHunter</t>
    <phoneticPr fontId="31" type="noConversion"/>
  </si>
  <si>
    <t>0235C5C9</t>
    <phoneticPr fontId="31" type="noConversion"/>
  </si>
  <si>
    <t>IPC6652EL-X33-VF</t>
    <phoneticPr fontId="31" type="noConversion"/>
  </si>
  <si>
    <t>2/1</t>
    <phoneticPr fontId="31" type="noConversion"/>
  </si>
  <si>
    <t>LightHunter, Laser, HLC, 120dBWDR, IP66, 33X optical zoom, Smart Intrusion Prevention, auto-tracking, Face capture,People counting</t>
    <phoneticPr fontId="31" type="noConversion"/>
  </si>
  <si>
    <t>1/2.8" CMOS, ICR, 1920x1080:60fps, Ultra 265/H.264/MJPEG, Five streams, AC24V/DC24V/P:PoE (PSE Required), Micro SD card slot, Alarm in/out 2/1, Audio, -40-70℃, IP66,  33x optical zoom(4.5 ~ 148.5mm),   VF Laser, Up to 500 m , Ultra low-light(LightHunter)</t>
    <phoneticPr fontId="31" type="noConversion"/>
  </si>
  <si>
    <t>0235C5C8</t>
    <phoneticPr fontId="31" type="noConversion"/>
  </si>
  <si>
    <t>40X</t>
    <phoneticPr fontId="31" type="noConversion"/>
  </si>
  <si>
    <t>7/2</t>
    <phoneticPr fontId="31" type="noConversion"/>
  </si>
  <si>
    <t>LightHunter, 120dBWDR, HLC, IP66, 40X optical zoom, Smart Intrusion Prevention, auto-tracking, Face capture, People counting</t>
    <phoneticPr fontId="31" type="noConversion"/>
  </si>
  <si>
    <t>1/1.8" CMOS, ICR, 2688*1520:30fps,  Ultra 265/H.264/MJPEG, Five streams, AC24V/DC24V/PoE(IEEE 802.3bt), Micro SD card slot, Alarm in/out 7/2, Audio, -40-70℃, IP66,  40x optical zoom(5.7~ 228mm),   IR range: up to 250m, IR anti-reflection window</t>
    <phoneticPr fontId="31" type="noConversion"/>
  </si>
  <si>
    <t>0235C5LV</t>
    <phoneticPr fontId="31" type="noConversion"/>
  </si>
  <si>
    <t>LightHunter, HLC, IP66, 40X optical zoom, Smart Intrusion Prevention, auto-tracking, Face capture, People counting</t>
    <phoneticPr fontId="31" type="noConversion"/>
  </si>
  <si>
    <t>1/1.8" CMOS, ICR, 3840*2160:30fps, Ultra 265/H.264/MJPEG, Triple streams, AC24V/DC24V/PoE(IEEE 802.3bt), Micro SD card slot, Alarm in/out 2/1, Audio, -40-70℃, IP66,  40x optical zoom(5.7~ 228mm),   IR range: up to 250m, IR anti-reflection window, Optical defog</t>
    <phoneticPr fontId="31" type="noConversion"/>
  </si>
  <si>
    <t>0235C5LU</t>
    <phoneticPr fontId="31" type="noConversion"/>
  </si>
  <si>
    <t>44x</t>
    <phoneticPr fontId="31" type="noConversion"/>
  </si>
  <si>
    <t>X</t>
    <phoneticPr fontId="31" type="noConversion"/>
  </si>
  <si>
    <t>1/1</t>
    <phoneticPr fontId="31" type="noConversion"/>
  </si>
  <si>
    <t>7/2</t>
    <phoneticPr fontId="31" type="noConversion"/>
  </si>
  <si>
    <t>44x Optical zoom,Lighthunter
Smart intrusion prevention, face capture
P67, rain-sensing auto wiper, optical defog</t>
    <phoneticPr fontId="31" type="noConversion"/>
  </si>
  <si>
    <t>1/2.8" CMOS, ICR ,1920×1080:60fps,Ultra 265/H.264/MJPEG, Five streams, AC24V/DC24V/48V DC, Micro SD card slot, Alarm in/out 7/2, Audio, -40-70℃, IP66,  44x optical zoom(5~220mm),   IR range: up to 400m, IR anti-reflection window,</t>
    <phoneticPr fontId="31" type="noConversion"/>
  </si>
  <si>
    <t>0235C5LY</t>
    <phoneticPr fontId="31" type="noConversion"/>
  </si>
  <si>
    <t>Optical：4MP
Thermal：384*288</t>
    <phoneticPr fontId="31" type="noConversion"/>
  </si>
  <si>
    <t>38X</t>
    <phoneticPr fontId="31" type="noConversion"/>
  </si>
  <si>
    <t>Thermal cameras</t>
    <phoneticPr fontId="31" type="noConversion"/>
  </si>
  <si>
    <t>Prime</t>
    <phoneticPr fontId="18" type="noConversion"/>
  </si>
  <si>
    <t>NVR308-16X</t>
    <phoneticPr fontId="18" type="noConversion"/>
  </si>
  <si>
    <t>NVR308-32X</t>
    <phoneticPr fontId="18" type="noConversion"/>
  </si>
  <si>
    <t>0235C0JH</t>
  </si>
  <si>
    <t>0235C29B</t>
  </si>
  <si>
    <t>0231C04U</t>
  </si>
  <si>
    <t>15fps</t>
    <phoneticPr fontId="31" type="noConversion"/>
  </si>
  <si>
    <t>3.6mm, Fixed</t>
    <phoneticPr fontId="31" type="noConversion"/>
  </si>
  <si>
    <t>Cloud Storage, Wi-Fi, Motion detection, Motion tracking</t>
    <phoneticPr fontId="31" type="noConversion"/>
  </si>
  <si>
    <t>/</t>
    <phoneticPr fontId="31" type="noConversion"/>
  </si>
  <si>
    <t>9907C0J4</t>
  </si>
  <si>
    <t>Easystar</t>
    <phoneticPr fontId="31" type="noConversion"/>
  </si>
  <si>
    <t>Ultra 265</t>
    <phoneticPr fontId="31" type="noConversion"/>
  </si>
  <si>
    <t>2.8mm, Fixed</t>
    <phoneticPr fontId="31" type="noConversion"/>
  </si>
  <si>
    <t>1/3" CMOS, ICR, 2688x1520:30fps, Ultra 265/H.265/H.264/MJPEG, Double stream,   DC12V &amp; PoE,Fixed lens 2.8mm,4mm, IR range: up to 50m. , 3-axis   EasyStar: 0.003 Lux min. illumination</t>
    <phoneticPr fontId="31" type="noConversion"/>
  </si>
  <si>
    <t>0235C52X</t>
    <phoneticPr fontId="31" type="noConversion"/>
  </si>
  <si>
    <t>4.0mm, Fixed</t>
    <phoneticPr fontId="31" type="noConversion"/>
  </si>
  <si>
    <t>0235C52Y</t>
    <phoneticPr fontId="31" type="noConversion"/>
  </si>
  <si>
    <t>120dB WDR, IP67,IK10, HLC,EasyStar</t>
    <phoneticPr fontId="31" type="noConversion"/>
  </si>
  <si>
    <t>1/3" CMOS, ICR, 2688x1520:30fps, Ultra 265/H.265/H.264/MJPEG, Double stream,   DC12V &amp; PoE,Fixed lens 2.8mm,4mm, IR range: up to 30m. , 3-axis   EasyStar: 0.003 Lux min. illumination</t>
    <phoneticPr fontId="31" type="noConversion"/>
  </si>
  <si>
    <t>0235C53J</t>
    <phoneticPr fontId="31" type="noConversion"/>
  </si>
  <si>
    <t>0235C53D</t>
    <phoneticPr fontId="31" type="noConversion"/>
  </si>
  <si>
    <t>120dB WDR, IP67, HLC,EasyStar</t>
    <phoneticPr fontId="31" type="noConversion"/>
  </si>
  <si>
    <t>0235C53F</t>
    <phoneticPr fontId="31" type="noConversion"/>
  </si>
  <si>
    <t>0235C53C</t>
    <phoneticPr fontId="31" type="noConversion"/>
  </si>
  <si>
    <t>IPC322SB-DF28K-I0</t>
    <phoneticPr fontId="31" type="noConversion"/>
  </si>
  <si>
    <t>120dB WDR, IP67&amp;IK10, HLC, 3-Axis，LightHunter，Built in AI algorithm</t>
    <phoneticPr fontId="31" type="noConversion"/>
  </si>
  <si>
    <t>1/2.8" CMOS, ICR, 2MP (1920*1080), Max 30fps; 720P (1280*720),Max 30fps, D1 (720*576), Max 30fps; Ultra 265/H.264/MJPEG, Triple streams ,DC12V &amp; PoE, 120dB WDR, (2.8mm,4mm) fixed lens, IR range: up to 30m, Micro SD card slot. ，LightHunter: 0.001 Lux min. illumination</t>
    <phoneticPr fontId="31" type="noConversion"/>
  </si>
  <si>
    <t>0235C4TL</t>
    <phoneticPr fontId="31" type="noConversion"/>
  </si>
  <si>
    <t>IPC322SB-DF40K-I0</t>
    <phoneticPr fontId="31" type="noConversion"/>
  </si>
  <si>
    <t>0235C4TP</t>
    <phoneticPr fontId="31" type="noConversion"/>
  </si>
  <si>
    <t>IPC3612SB-ADF28KM-I0</t>
    <phoneticPr fontId="31" type="noConversion"/>
  </si>
  <si>
    <t>120dB WDR, IP67,HLC, 3-Axis，LightHunter，Built in AI algorithm</t>
    <phoneticPr fontId="31" type="noConversion"/>
  </si>
  <si>
    <t>1/2.8" CMOS, ICR, 2MP (1920*1080), Max 30fps; 720P (1280*720),Max 30fps, D1 (720*576), Max 30fps; Ultra 265/H.264/MJPEG, Triple streams ,DC12V &amp; PoE, 120dB WDR, (2.8mm,4mm) fixed lens, IR range: up to 30m, Micro SD card slot，LightHunter: 0.001 Lux min. illumination</t>
    <phoneticPr fontId="31" type="noConversion"/>
  </si>
  <si>
    <t>0235C4TM</t>
    <phoneticPr fontId="31" type="noConversion"/>
  </si>
  <si>
    <t>IPC3612SB-ADF40KM-I0</t>
    <phoneticPr fontId="31" type="noConversion"/>
  </si>
  <si>
    <t>0235C4TN</t>
    <phoneticPr fontId="31" type="noConversion"/>
  </si>
  <si>
    <t>IPC2322SB-DZK-I0</t>
    <phoneticPr fontId="18" type="noConversion"/>
  </si>
  <si>
    <t>2.7-13.5mm, F1.2 Motorized</t>
    <phoneticPr fontId="31" type="noConversion"/>
  </si>
  <si>
    <t>1/2.8" CMOS, ICR, 2MP (1920*1080), Max 30fps; 720P (1280*720),Max 30fps, D1 (720*576), Max 30fps; Ultra 265/H.264/MJPEG, Triple streams ,DC12V &amp; PoE, 120dB WDR, F2.7-13.5mm Motorized zoom lens, IR range: up to 50m, Micro SD card slot，LightHunter: 0.0005 Lux min. illumination</t>
    <phoneticPr fontId="31" type="noConversion"/>
  </si>
  <si>
    <t>0235C4UC</t>
    <phoneticPr fontId="31" type="noConversion"/>
  </si>
  <si>
    <t>IPC3232SB-ADZK-I0</t>
    <phoneticPr fontId="18" type="noConversion"/>
  </si>
  <si>
    <t>1/2.8" CMOS, ICR, 2MP (1920*1080), Max 30fps; 720P (1280*720),Max 30fps, D1 (720*576), Max 30fps; Ultra 265/H.264/MJPEG, Triple streams ,DC12V &amp; PoE, 120dB WDR, F2.7-13.5mm Motorized zoom lens, IR range: up to 40m, Micro SD card slot，LightHunter: 0.0005 Lux min. illumination</t>
    <phoneticPr fontId="31" type="noConversion"/>
  </si>
  <si>
    <t>0235C4UD</t>
    <phoneticPr fontId="31" type="noConversion"/>
  </si>
  <si>
    <t>IPC3632SB-ADZK-I0</t>
    <phoneticPr fontId="18" type="noConversion"/>
  </si>
  <si>
    <t>0235C4UA</t>
    <phoneticPr fontId="31" type="noConversion"/>
  </si>
  <si>
    <t>IPC2124SB-ADF28KM-I0</t>
    <phoneticPr fontId="31" type="noConversion"/>
  </si>
  <si>
    <t>120dB WDR, IP67, HLC, 3-Axis，LightHunter，Built in AI algorithm</t>
    <phoneticPr fontId="31" type="noConversion"/>
  </si>
  <si>
    <t>1/3" CMOS, ICR, 4MP (2688*1520), Max 30fps; 4MP (2560*1440), Max 30fps; 3MP (2304*1296), Max 25fps; 1080P (1920*1080), Max 30fps; Ultra 265/H.264/MJPEG, Triple streams ,DC12V &amp; PoE, 120dB WDR,(2.8mm,4mm)fixed lens, IR range: up to 40m, Micro SD card slot, IR anti-reflection window, Bulit-in Mic，LightHunter: 0.003 Lux min. illumination</t>
    <phoneticPr fontId="31" type="noConversion"/>
  </si>
  <si>
    <t>0235C4U2</t>
    <phoneticPr fontId="31" type="noConversion"/>
  </si>
  <si>
    <t>IPC2124SB-ADF40KM-I0</t>
    <phoneticPr fontId="31" type="noConversion"/>
  </si>
  <si>
    <t>0235C4U1</t>
    <phoneticPr fontId="31" type="noConversion"/>
  </si>
  <si>
    <t>IPC324SB-DF28K-I0</t>
    <phoneticPr fontId="31" type="noConversion"/>
  </si>
  <si>
    <t>1/3" CMOS, ICR, 4MP (2688*1520), Max 30fps; 4MP (2560*1440), Max 30fps; 3MP (2304*1296), Max 25fps; 1080P (1920*1080), Max 30fps; Ultra 265/H.264/MJPEG, Triple streams ,DC12V &amp; PoE, 120dB WDR, (2.8mm,4mm) fixed lens, IR range: up to 30m, Micro SD card slot，LightHunter: 0.003 Lux min. illumination</t>
    <phoneticPr fontId="31" type="noConversion"/>
  </si>
  <si>
    <t>0235C4U5</t>
    <phoneticPr fontId="31" type="noConversion"/>
  </si>
  <si>
    <t>IPC324SB-DF40K-I0</t>
    <phoneticPr fontId="31" type="noConversion"/>
  </si>
  <si>
    <t>0235C4U3</t>
    <phoneticPr fontId="31" type="noConversion"/>
  </si>
  <si>
    <t>IPC3614SB-ADF28KM-I0</t>
    <phoneticPr fontId="31" type="noConversion"/>
  </si>
  <si>
    <t>0235C4U4</t>
    <phoneticPr fontId="31" type="noConversion"/>
  </si>
  <si>
    <t>IPC3614SB-ADF40KM-I0</t>
    <phoneticPr fontId="31" type="noConversion"/>
  </si>
  <si>
    <t>0235C4U6</t>
    <phoneticPr fontId="31" type="noConversion"/>
  </si>
  <si>
    <t>IPC2324SB-DZK-I0</t>
    <phoneticPr fontId="31" type="noConversion"/>
  </si>
  <si>
    <t>1/3" CMOS, ICR, 4MP (2688*1520), Max 30fps; 4MP (2560*1440), Max 30fps; 3MP (2304*1296), Max 25fps; 1080P (1920*1080), Max 30fps; Ultra 265/H.264/MJPEG, Triple streams ,DC12V &amp; PoE, 120dB WDR, F2.7-13.5mm Motorized zoom lens, IR range: up to 50m, Micro SD card slot，LightHunter: 0.001 Lux min. illumination</t>
    <phoneticPr fontId="31" type="noConversion"/>
  </si>
  <si>
    <t>0235C4U9</t>
    <phoneticPr fontId="31" type="noConversion"/>
  </si>
  <si>
    <t>IPC3234SB-ADZK-I0</t>
    <phoneticPr fontId="18" type="noConversion"/>
  </si>
  <si>
    <t>1/3" CMOS, ICR, 4MP (2688*1520), Max 30fps; 4MP (2560*1440), Max 30fps; 3MP (2304*1296), Max 25fps; 1080P (1920*1080), Max 30fps; Ultra 265/H.264/MJPEG, Triple streams ,DC12V &amp; PoE, 120dB WDR, F2.7-13.5mm Motorized zoom lens, IR range: up to 40m, Micro SD card slot，LightHunter: 0.001 Lux min. illumination</t>
    <phoneticPr fontId="31" type="noConversion"/>
  </si>
  <si>
    <t>0235C4UB</t>
    <phoneticPr fontId="31" type="noConversion"/>
  </si>
  <si>
    <t>IPC3634SB-ADZK-I0</t>
    <phoneticPr fontId="31" type="noConversion"/>
  </si>
  <si>
    <t>0235C4UE</t>
    <phoneticPr fontId="31" type="noConversion"/>
  </si>
  <si>
    <t>IPC2125SB-ADF28KM-I0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Fixed lens (2.8mm,4mm), IR range: up to 40m, Micro SD card slot，LightHunter: 0.003 Lux min. illumination</t>
    <phoneticPr fontId="31" type="noConversion"/>
  </si>
  <si>
    <t>0235C4LX</t>
    <phoneticPr fontId="32" type="noConversion"/>
  </si>
  <si>
    <t>IPC2125SB-ADF40KM-I0</t>
    <phoneticPr fontId="31" type="noConversion"/>
  </si>
  <si>
    <t>0235C4LW</t>
    <phoneticPr fontId="32" type="noConversion"/>
  </si>
  <si>
    <t>IPC325SB-DF28K-I0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(2.8mm, 4mm)fixed lens, Alarm in/out 1/1, Audio1/1,IR range: up to 30m, Micro SD card slot，LightHunter: 0.003 Lux min. illumination</t>
    <phoneticPr fontId="31" type="noConversion"/>
  </si>
  <si>
    <t>0235C4LN</t>
    <phoneticPr fontId="32" type="noConversion"/>
  </si>
  <si>
    <t>IPC325SB-DF40K-I0</t>
    <phoneticPr fontId="31" type="noConversion"/>
  </si>
  <si>
    <t>IPC3615SB-ADF28KM-I0</t>
    <phoneticPr fontId="31" type="noConversion"/>
  </si>
  <si>
    <t>120dB WDR, IP67，HLC, 3-Axis，LightHunter，Built in AI algorithm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(2.8mm,4mm) fixed lens, Alarm in/out 1/1, Audio, IR range: up to 30m, Micro SD card slot，LightHunter: 0.003 Lux min. illumination</t>
    <phoneticPr fontId="31" type="noConversion"/>
  </si>
  <si>
    <t>0235C4LQ</t>
    <phoneticPr fontId="32" type="noConversion"/>
  </si>
  <si>
    <t>IPC3615SB-ADF40KM-I0</t>
    <phoneticPr fontId="31" type="noConversion"/>
  </si>
  <si>
    <t>IPC2325SB-DZK-I0</t>
    <phoneticPr fontId="31" type="noConversion"/>
  </si>
  <si>
    <t>2.7 ~ 13.5mm，F1.2 Motorized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F2.7-13.5mm motorized zoom lens, Alarm in/out 1/1, Audio, IR range: up to 50m, Micro SD card slot，LightHunter: 0.002 Lux min. illumination</t>
    <phoneticPr fontId="31" type="noConversion"/>
  </si>
  <si>
    <t>0235C4NJ</t>
    <phoneticPr fontId="32" type="noConversion"/>
  </si>
  <si>
    <t>IPC3235SB-ADZK-I0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F2.7-13.5mm motorized zoom lens, Alarm in/out 1/1, Audio1/1, IR range: up to 40m, Micro SD card slot，LightHunter: 0.002 Lux min. illumination</t>
    <phoneticPr fontId="31" type="noConversion"/>
  </si>
  <si>
    <t>0235C4NK</t>
    <phoneticPr fontId="32" type="noConversion"/>
  </si>
  <si>
    <t>IPC3635SB-ADZK-I0</t>
    <phoneticPr fontId="31" type="noConversion"/>
  </si>
  <si>
    <t>120dB WDR, IP67&amp;IK10，HLC, 3-Axis，LightHunter，Built in AI algorithm</t>
    <phoneticPr fontId="31" type="noConversion"/>
  </si>
  <si>
    <t>1/2.7" CMOS, ICR, 5MP (2880*1620), Max 25fps; 4MP (2560*1440), Max 25fps; 3MP (2304*1296), Max 25fps; 1080P (1920*1080), Max 30fps; Ultra 265/H.265/H.264/MJPEG, Triple streams ,DC12V &amp; PoE, 120dB WDR, 2.7-13.5mm motorized lens, IR range: up to 40m, Micro SD card slot，LightHunter: 0.002 Lux min. illumination</t>
    <phoneticPr fontId="31" type="noConversion"/>
  </si>
  <si>
    <t>0235C4NL</t>
    <phoneticPr fontId="32" type="noConversion"/>
  </si>
  <si>
    <t>120dB WDR, IP67&amp;IK10,HLC, 3-Axis，Built in AI algorithm</t>
    <phoneticPr fontId="31" type="noConversion"/>
  </si>
  <si>
    <t>1/2.7" CMOS, ICR,8MP (3840*2160)@20fps; 5MP (3072*1728)@30/25fps; 4MP (2560*1440)@30/25fps; 2MP (1920*1080) @30/25fpsUltra 265/H.265/H.264/MJPEG, Triple streams ,DC12V &amp; PoE, 120dB WDR,(2.8mm,4mm)lens,Alarm in/out 1/1, Audio1/1,  IR range: up to 30m, Micro SD card slot，LightHunter: 0.003 Lux min. illumination</t>
    <phoneticPr fontId="31" type="noConversion"/>
  </si>
  <si>
    <t>0235C5DV</t>
    <phoneticPr fontId="32" type="noConversion"/>
  </si>
  <si>
    <t>120dB WDR, IP67&amp;IK10，HLC, 3-Axis，Built in AI algorithm</t>
    <phoneticPr fontId="31" type="noConversion"/>
  </si>
  <si>
    <t>0235C5DW</t>
    <phoneticPr fontId="32" type="noConversion"/>
  </si>
  <si>
    <t>IPC328SB-ADF28K-I0</t>
    <phoneticPr fontId="18" type="noConversion"/>
  </si>
  <si>
    <t>IPC328SB-ADF40K-I0</t>
    <phoneticPr fontId="18" type="noConversion"/>
  </si>
  <si>
    <t>PTZ 33X</t>
    <phoneticPr fontId="19" type="noConversion"/>
  </si>
  <si>
    <t>IPC6222EI-X33UP</t>
    <phoneticPr fontId="23" type="noConversion"/>
  </si>
  <si>
    <t>33x</t>
    <phoneticPr fontId="23" type="noConversion"/>
  </si>
  <si>
    <t>LightHunter, 120dB WDR, HLC, 33X optical zoom,Smart fuction, EIS, IK10</t>
    <phoneticPr fontId="23" type="noConversion"/>
  </si>
  <si>
    <t>1/2.8" CMOS, ICR, 1920x1080:30fps, Ultra 265/H.264/MJPEG, Triple streams, AC24V/DC24V/PoE, Micro SD card slot, Alarm in/out 2/1, Audio, BNC output, -20-50℃, 33x optical zoom (4.5 ~ 148.5mm)</t>
    <phoneticPr fontId="23" type="noConversion"/>
  </si>
  <si>
    <t>0235C43N</t>
    <phoneticPr fontId="23" type="noConversion"/>
  </si>
  <si>
    <t>38x Optical zoom, 50mm thermal lens(Vanadium Oxide Uncooled Focal Plane Arrays), Built in AI algorithm, fire detection, Lighthunter,wiper, EIS(Gyroscope), IP66</t>
    <phoneticPr fontId="31" type="noConversion"/>
  </si>
  <si>
    <t>Optical: 1/1.8" CMOS, ICR ,2560×1440:60fps,Ultra 265/H.264/MJPEG, Triple streams, AC24V/DC24V/PoE(IEEE 802.3bt), 38x optical zoom(5.7 ~ 216.6mm),IR range: up to 150m, IP66
Thermal: 384*288 resolution, 50mm fixed lens, NETD≤50mk, 17μm pixel size</t>
    <phoneticPr fontId="31" type="noConversion"/>
  </si>
  <si>
    <t>0235C4MC</t>
    <phoneticPr fontId="31" type="noConversion"/>
  </si>
  <si>
    <t>Optical：2MP
Thermal：384*288</t>
    <phoneticPr fontId="31" type="noConversion"/>
  </si>
  <si>
    <t>55X</t>
    <phoneticPr fontId="31" type="noConversion"/>
  </si>
  <si>
    <t>55x Optical zoom, 75mm thermal lens(Vanadium Oxide Uncooled Focal Plane Arrays), Built in AI algorithm, fire detection, Lighthunter,wiper, EIS(Gyroscope), IP66</t>
    <phoneticPr fontId="31" type="noConversion"/>
  </si>
  <si>
    <t>Optical: 1/1.8" CMOS, ICR ,1920×1080:60fps,Ultra 265/H.264/MJPEG, Triple streams, AC24V/DC24V/PoE(IEEE 802.3bt), 55x optical zoom(6~ 330mm),laser range: up to 800m, IP66
Thermal: 384*288 resolution, 75mm fixed lens, NETD≤50mk, 17μm pixel size</t>
    <phoneticPr fontId="31" type="noConversion"/>
  </si>
  <si>
    <t>DEU1008-IN</t>
    <phoneticPr fontId="18" type="noConversion"/>
  </si>
  <si>
    <t>PWR-DC12-550A-IN</t>
    <phoneticPr fontId="18" type="noConversion"/>
  </si>
  <si>
    <t>0235C5MW</t>
  </si>
  <si>
    <t>0235C5MX</t>
  </si>
  <si>
    <t>0235C5N0</t>
  </si>
  <si>
    <t>0235C5N2</t>
  </si>
  <si>
    <t>0235C5N1</t>
  </si>
  <si>
    <t>0235C5MY</t>
  </si>
  <si>
    <t>(Micro)SD 
Slot</t>
    <phoneticPr fontId="18" type="noConversion"/>
  </si>
  <si>
    <t>Corridor 
Mode</t>
    <phoneticPr fontId="18" type="noConversion"/>
  </si>
  <si>
    <t>IPC3614SB-ADF28KMC-I0</t>
    <phoneticPr fontId="31" type="noConversion"/>
  </si>
  <si>
    <t>IPC3615SB-ADF28KMC-I0</t>
    <phoneticPr fontId="31" type="noConversion"/>
  </si>
  <si>
    <t>IPC3618SB-ADF28KMC-I0</t>
    <phoneticPr fontId="31" type="noConversion"/>
  </si>
  <si>
    <t>Prime-I</t>
    <phoneticPr fontId="31" type="noConversion"/>
  </si>
  <si>
    <t>IPC3615SB-ADF40KMC-I0</t>
    <phoneticPr fontId="31" type="noConversion"/>
  </si>
  <si>
    <t>IPC3618SB-ADF40KMC-I0</t>
    <phoneticPr fontId="31" type="noConversion"/>
  </si>
  <si>
    <t>1/2.8" CMOS, ICR,  2MP (1920*1080)@30/25fps; 720P (1280*720)@30/25fps;Ultra 265, H.265, H.264, MJPEG, Triple streams ,DC12V &amp; PoE, 120dB WDR, (4mm, 6mm) fixed lens,Alarm in/out 1/1,  IR range: up to 80m, Micro SD card slot,IR anti-reflection window，LightHunter: 0.001 Lux min. illumination</t>
    <phoneticPr fontId="31" type="noConversion"/>
  </si>
  <si>
    <t>Prime-I</t>
    <phoneticPr fontId="18" type="noConversion"/>
  </si>
  <si>
    <t>IPC2312SB-ADF60KM-I0</t>
    <phoneticPr fontId="18" type="noConversion"/>
  </si>
  <si>
    <t>6.0mm, Fixed</t>
    <phoneticPr fontId="31" type="noConversion"/>
  </si>
  <si>
    <t>IPC2314SB-ADF40KM-I0</t>
    <phoneticPr fontId="18" type="noConversion"/>
  </si>
  <si>
    <t>1/2.7" CMOS, ICR,  4MP (2688*1520)@ 30/25fps; 4MP (2560*1440)@ 30/25fps; 3MP (2304*1296) @30/25fps; 2MP (1920*1080) @30/25fps;   Ultra 265, H.265, H.264, MJPEG, Triple streams ,DC12V &amp; PoE, 120dB WDR,(4mm,6mm)fixed lens, Alarm in/out 1/1, IR range: up to 80m, Micro SD card slot, IR anti-reflection window, Bulit-in Mic，LightHunter: 0.003 Lux min. illumination</t>
    <phoneticPr fontId="31" type="noConversion"/>
  </si>
  <si>
    <t>Prime-I</t>
    <phoneticPr fontId="31" type="noConversion"/>
  </si>
  <si>
    <t>120dB WDR, IP67, HLC, 3-Axis，LightHunter，Built in AI algorithm</t>
    <phoneticPr fontId="31" type="noConversion"/>
  </si>
  <si>
    <t>Prime-I</t>
    <phoneticPr fontId="18" type="noConversion"/>
  </si>
  <si>
    <t>IPC2315SB-ADF40KM-I0</t>
    <phoneticPr fontId="18" type="noConversion"/>
  </si>
  <si>
    <t>5MP</t>
    <phoneticPr fontId="31" type="noConversion"/>
  </si>
  <si>
    <t>1/2.7" CMOS, ICR, 5MP (2880*1620)@ 30/25fps; 4MP (2560*1440)@ 30/25fps; 3MP (2304*1296) @30/25fps; 2MP (1920*1080) @30/25fps; Ultra 265/H.265/H.264/MJPEG, Triple streams ,DC12V &amp; PoE, 120dB WDR, (4mm, 6mm)fixed lens, Alarm in/out 1/1,IR range: up to 80m, Micro SD card slot，LightHunter: 0.003 Lux min. illumination</t>
    <phoneticPr fontId="31" type="noConversion"/>
  </si>
  <si>
    <t>6.0mm, Fixed</t>
    <phoneticPr fontId="31" type="noConversion"/>
  </si>
  <si>
    <t>0235C2RW</t>
    <phoneticPr fontId="18" type="noConversion"/>
  </si>
  <si>
    <t>IPC264EA-HDZK</t>
    <phoneticPr fontId="31" type="noConversion"/>
  </si>
  <si>
    <t>IPC3234EA-HDZK</t>
    <phoneticPr fontId="31" type="noConversion"/>
  </si>
  <si>
    <t>IPC268EA-DZK</t>
    <phoneticPr fontId="31" type="noConversion"/>
  </si>
  <si>
    <t>8MP</t>
    <phoneticPr fontId="31" type="noConversion"/>
  </si>
  <si>
    <t>1/1.7" CMOS, ICR, 12MP (4000x3000): 15fps; 9MP (3000 x 3000): 15fps, 6MP (2560x 2560): 25fps, Ultra 265, 8 Streams (1 fisheye view (Triple streams), 1 panaromic view, 4 PTZ View), DC 12V &amp; PoE,  Micro SD card slot, Alarm in/out 2/1, Audio &amp; Mic &amp; Speaker, BNC output, IP66 &amp;IK10, 1.8mm fixed lens, IR range: 10m</t>
    <phoneticPr fontId="31" type="noConversion"/>
  </si>
  <si>
    <t>IPC8542ER5-DUG</t>
    <phoneticPr fontId="21" type="noConversion"/>
  </si>
  <si>
    <t>4*2MP（4K）</t>
    <phoneticPr fontId="31" type="noConversion"/>
  </si>
  <si>
    <t>4.2mm,Fixed</t>
    <phoneticPr fontId="31" type="noConversion"/>
  </si>
  <si>
    <t>LightHunter, 120dBWDR,HLC, IP67,  Smart functions</t>
    <phoneticPr fontId="31" type="noConversion"/>
  </si>
  <si>
    <t>1/1.8" CMOS, ICR,4096*1800@30fps,2880*1264@30fps, Ultra 265/H.264/MJPEG, Triple streams, AC24V/DC24V, Micro SD 256GB, Alarm in/out 2/1, Audio in/out 1/1,  -40-70℃, IP67,  4.2mm fixed lens,   IR range: up to 50m(164ft), IR anti-reflection window, LightHunter:0.002Lux min. illumination</t>
    <phoneticPr fontId="31" type="noConversion"/>
  </si>
  <si>
    <t>IPC8542ER5-DUP</t>
    <phoneticPr fontId="31" type="noConversion"/>
  </si>
  <si>
    <t>LightHunter, 120dBWDR,HLC, IP67,  Smart functions，POE</t>
    <phoneticPr fontId="31" type="noConversion"/>
  </si>
  <si>
    <t>1/1.8" CMOS, ICR,4096*1800@30fps,2880*1264@30fps, Ultra 265/H.264/MJPEG, Triple streams, AC24V/DC24V &amp; PoE, Micro SD 256GB, Alarm in/out 2/1, Audio in/out 1/1,  -40-70℃, IP67,  4.2mm fixed lens,   IR range: up to 30m(98.4ft), IR anti-reflection window, LightHunter:0.002Lux min. illumination</t>
    <phoneticPr fontId="31" type="noConversion"/>
  </si>
  <si>
    <t>0235C475</t>
    <phoneticPr fontId="31" type="noConversion"/>
  </si>
  <si>
    <t>PTZ 4X</t>
    <phoneticPr fontId="18" type="noConversion"/>
  </si>
  <si>
    <t>4x</t>
    <phoneticPr fontId="31" type="noConversion"/>
  </si>
  <si>
    <t>Mic/
Speaker</t>
    <phoneticPr fontId="31" type="noConversion"/>
  </si>
  <si>
    <t>Lighthunter,WDR, IP66, 4X optical zoom, 
Active deterrence, strobe light
Smart intrusion prevention, dual-way talk
Auto-tracking</t>
    <phoneticPr fontId="31" type="noConversion"/>
  </si>
  <si>
    <t>1/2.8" CMOS, ICR, 1920x1080:30fps, Ultra 265/H.264/MJPEG, Triple streams, DC12V,POE, Micro SD card slot,  mic&amp;speaker, -20-60℃, IP66, 4x optical zoom( 2.8~ 12mm), IR range: up to 50m</t>
    <phoneticPr fontId="31" type="noConversion"/>
  </si>
  <si>
    <t>0235C5L9</t>
    <phoneticPr fontId="31" type="noConversion"/>
  </si>
  <si>
    <t>Lighthunter,WDR, IP66, 4X optical zoom, 
Smart intrusion prevention, dual-way talk
Auto-tracking</t>
    <phoneticPr fontId="31" type="noConversion"/>
  </si>
  <si>
    <t>0235C5LB</t>
    <phoneticPr fontId="31" type="noConversion"/>
  </si>
  <si>
    <t>Easy</t>
    <phoneticPr fontId="31" type="noConversion"/>
  </si>
  <si>
    <t>1/2.8" CMOS, ICR, 1920x1080:30fps, Ultra 265/H.264/MJPEG, Triple streams, DC12V,WIFI, Micro SD card slot,  mic&amp;speaker, -20-60℃, IP66, 4x optical zoom( 2.8~ 12mm), IR range: up to 50m</t>
    <phoneticPr fontId="31" type="noConversion"/>
  </si>
  <si>
    <t>0235C5LD</t>
    <phoneticPr fontId="31" type="noConversion"/>
  </si>
  <si>
    <t>NVR Accessories</t>
    <phoneticPr fontId="18" type="noConversion"/>
  </si>
  <si>
    <t>DEU1016</t>
    <phoneticPr fontId="18" type="noConversion"/>
  </si>
  <si>
    <t>PWR-300A-IN</t>
    <phoneticPr fontId="18" type="noConversion"/>
  </si>
  <si>
    <t>IPC2124LR5-DUPF28M-F</t>
    <phoneticPr fontId="18" type="noConversion"/>
  </si>
  <si>
    <t>IPC324LE-DSF28K</t>
    <phoneticPr fontId="31" type="noConversion"/>
  </si>
  <si>
    <t>IPC3614LE-ADF28K</t>
    <phoneticPr fontId="31" type="noConversion"/>
  </si>
  <si>
    <t>IPC2124LB-SF28KM-G</t>
    <phoneticPr fontId="18" type="noConversion"/>
  </si>
  <si>
    <t>IPC2124LB-SF40KM-G</t>
    <phoneticPr fontId="18" type="noConversion"/>
  </si>
  <si>
    <t>IPC324LB-SF28K-G</t>
    <phoneticPr fontId="18" type="noConversion"/>
  </si>
  <si>
    <t>IPC324LB-SF40K-G</t>
    <phoneticPr fontId="18" type="noConversion"/>
  </si>
  <si>
    <t>IPC3614LB-SF28K-G</t>
    <phoneticPr fontId="18" type="noConversion"/>
  </si>
  <si>
    <t>IPC3614LB-SF40K-G</t>
    <phoneticPr fontId="18" type="noConversion"/>
  </si>
  <si>
    <t>IPC6312LFW-AX4C-VG</t>
    <phoneticPr fontId="19" type="noConversion"/>
  </si>
  <si>
    <t>IPC6312LR-AX4W-VG</t>
    <phoneticPr fontId="31" type="noConversion"/>
  </si>
  <si>
    <t>IPC2322LB-ADZK-G</t>
    <phoneticPr fontId="31" type="noConversion"/>
  </si>
  <si>
    <t>IPC2324LB-ADZK-G</t>
    <phoneticPr fontId="18" type="noConversion"/>
  </si>
  <si>
    <t>IPC3632LB-ADZK-G</t>
    <phoneticPr fontId="31" type="noConversion"/>
  </si>
  <si>
    <t>IPC6312LR-AX4-VG</t>
    <phoneticPr fontId="19" type="noConversion"/>
  </si>
  <si>
    <t>IPC3634SE-ADF40K-WL-I0</t>
    <phoneticPr fontId="18" type="noConversion"/>
  </si>
  <si>
    <t>IPC2225SE-DF40K-WL-I0</t>
    <phoneticPr fontId="31" type="noConversion"/>
  </si>
  <si>
    <t>0235C5TW</t>
    <phoneticPr fontId="31" type="noConversion"/>
  </si>
  <si>
    <t>8MP</t>
    <phoneticPr fontId="18" type="noConversion"/>
  </si>
  <si>
    <t>Prime-I</t>
    <phoneticPr fontId="31" type="noConversion"/>
  </si>
  <si>
    <t>NVR302-08E2-P8</t>
  </si>
  <si>
    <t>NVR302-16E2-P16</t>
    <phoneticPr fontId="18" type="noConversion"/>
  </si>
  <si>
    <t>NVR302-16E2</t>
    <phoneticPr fontId="18" type="noConversion"/>
  </si>
  <si>
    <t>NVR302-32E2</t>
    <phoneticPr fontId="18" type="noConversion"/>
  </si>
  <si>
    <t>NVR304-16E2</t>
  </si>
  <si>
    <t>NVR304-32E2</t>
  </si>
  <si>
    <t>NVR304-16E2-P16</t>
  </si>
  <si>
    <t>NVR304-32E2-P16</t>
    <phoneticPr fontId="18" type="noConversion"/>
  </si>
  <si>
    <t>AI BOX</t>
    <phoneticPr fontId="21" type="noConversion"/>
  </si>
  <si>
    <t>Decoder</t>
    <phoneticPr fontId="21" type="noConversion"/>
  </si>
  <si>
    <t>VMS Entry Level</t>
    <phoneticPr fontId="21" type="noConversion"/>
  </si>
  <si>
    <t>VMS Intermediate Level</t>
    <phoneticPr fontId="21" type="noConversion"/>
  </si>
  <si>
    <t>VMS High Level</t>
    <phoneticPr fontId="21" type="noConversion"/>
  </si>
  <si>
    <t>IPSAN</t>
    <phoneticPr fontId="21" type="noConversion"/>
  </si>
  <si>
    <t>IPSAN Cabint</t>
    <phoneticPr fontId="21" type="noConversion"/>
  </si>
  <si>
    <t>TIC2621SR-F3-4F4AC-VD</t>
  </si>
  <si>
    <t>IPC6634S-X33-VF</t>
    <phoneticPr fontId="31" type="noConversion"/>
  </si>
  <si>
    <t>LightHunter, WDR, IP66, 33X optical zoom
Smart Intrusion Prevention, auto-tracking
Face capture</t>
    <phoneticPr fontId="31" type="noConversion"/>
  </si>
  <si>
    <t xml:space="preserve">IPC6624SR-X33-VF </t>
    <phoneticPr fontId="19" type="noConversion"/>
  </si>
  <si>
    <t>IPC675LFW-AX4DUPKC-VG</t>
    <phoneticPr fontId="23" type="noConversion"/>
  </si>
  <si>
    <t>IPC2124SR3-ADPF28M-F</t>
    <phoneticPr fontId="18" type="noConversion"/>
  </si>
  <si>
    <t>0235C3Q3</t>
    <phoneticPr fontId="18" type="noConversion"/>
  </si>
  <si>
    <t>NVR302-09E2</t>
    <phoneticPr fontId="18" type="noConversion"/>
  </si>
  <si>
    <t>IPC2122LB-AF40WK-G</t>
    <phoneticPr fontId="18" type="noConversion"/>
  </si>
  <si>
    <t>IPC3534SB-ADNZK-I0</t>
    <phoneticPr fontId="18" type="noConversion"/>
  </si>
  <si>
    <t>IPC354SB-ADNF28K-I0</t>
    <phoneticPr fontId="18" type="noConversion"/>
  </si>
  <si>
    <t>IPC2224SE-DF40K-WL-I0</t>
    <phoneticPr fontId="18" type="noConversion"/>
  </si>
  <si>
    <t>Thermal</t>
    <phoneticPr fontId="18" type="noConversion"/>
  </si>
  <si>
    <t>IPC2225SE-DF60K-WL-I0</t>
    <phoneticPr fontId="31" type="noConversion"/>
  </si>
  <si>
    <t>IPC3615SE-ADF28KM-WL-I0</t>
    <phoneticPr fontId="31" type="noConversion"/>
  </si>
  <si>
    <t>IPC9312LFW-AF28-2X4</t>
    <phoneticPr fontId="23" type="noConversion"/>
  </si>
  <si>
    <t>IPC3614SB-ADF40KMC-I0</t>
    <phoneticPr fontId="31" type="noConversion"/>
  </si>
  <si>
    <t>0235C5MG</t>
  </si>
  <si>
    <t>Easystar</t>
  </si>
  <si>
    <t>IPC328LE-ADF28K-G</t>
    <phoneticPr fontId="31" type="noConversion"/>
  </si>
  <si>
    <t>IPC328LE-ADF40K-G</t>
    <phoneticPr fontId="31" type="noConversion"/>
  </si>
  <si>
    <t>IPC3618LE-ADF40K-G</t>
    <phoneticPr fontId="31" type="noConversion"/>
  </si>
  <si>
    <t>IPC2128LE-ADF28KM-G</t>
    <phoneticPr fontId="31" type="noConversion"/>
  </si>
  <si>
    <t>IPC2128LE-ADF40KM-G</t>
    <phoneticPr fontId="31" type="noConversion"/>
  </si>
  <si>
    <t>1/2.7" CMOS, ICR, 3840x2160:20fps,Ultra 265/H.265/H.264/MJPEG, Triple stream,   DC12V &amp; PoE,Fixed lens 2.8mm,4mm, IR range: up to 30m. , 3-axis   EasyStar: 0.005 Lux min. illumination</t>
    <phoneticPr fontId="31" type="noConversion"/>
  </si>
  <si>
    <t>0235C5TU</t>
    <phoneticPr fontId="31" type="noConversion"/>
  </si>
  <si>
    <t>0235C5U1</t>
    <phoneticPr fontId="31" type="noConversion"/>
  </si>
  <si>
    <t>X</t>
    <phoneticPr fontId="31" type="noConversion"/>
  </si>
  <si>
    <t>1/2.7" CMOS, ICR, 3840x2160:20fps,Ultra 265/H.265/H.264/MJPEG, Triple stream,   DC12V &amp; PoE,Fixed lens 2.8mm,4mm, IR range: up to 30m. , 3-axis   EasyStar: 0.005 Lux min. illumination</t>
    <phoneticPr fontId="31" type="noConversion"/>
  </si>
  <si>
    <t>0235C5TX</t>
    <phoneticPr fontId="31" type="noConversion"/>
  </si>
  <si>
    <t>√</t>
    <phoneticPr fontId="31" type="noConversion"/>
  </si>
  <si>
    <t>1/2.7" CMOS, ICR, 3840x2160:20fps, Ultra 265/H.265/H.264/MJPEG, Triple stream,   DC12V &amp; PoE,Fixed lens 2.8mm,4mm, IR range: up to 50m. , 3-axis   EasyStar: 0.005 Lux min. illumination</t>
    <phoneticPr fontId="31" type="noConversion"/>
  </si>
  <si>
    <t>0235C5T8</t>
    <phoneticPr fontId="31" type="noConversion"/>
  </si>
  <si>
    <t>0235C5T7</t>
    <phoneticPr fontId="31" type="noConversion"/>
  </si>
  <si>
    <t>120dB WDR, HLC, 3-Axis，LightHunter，Built in AI algorithm, IP66</t>
    <phoneticPr fontId="31" type="noConversion"/>
  </si>
  <si>
    <t>1/2.7" CMOS, ICR, 4MP (2688*1520), Max 30fps; 4MP (2560*1440), Max 30fps; 3MP (2048*1520), Max 30fps;1080P (1920*1080), Max 30fps; Ultra 265/H.264/MJPEG, Triple streams ,DC12V &amp; PoE, 120dB WDR, Fixed lens (2.8mm), Alarm/Audio in/out 1/1,  ，Bulit-in Mic, IR range: up to 30m, IR anti-reflection window, Micro SD card slot,cable free, LightHunter: 0.003 Lux min. illumination</t>
    <phoneticPr fontId="31" type="noConversion"/>
  </si>
  <si>
    <t>0235C5QG</t>
    <phoneticPr fontId="31" type="noConversion"/>
  </si>
  <si>
    <t>Ultra 265</t>
    <phoneticPr fontId="31" type="noConversion"/>
  </si>
  <si>
    <t>Mic</t>
    <phoneticPr fontId="31" type="noConversion"/>
  </si>
  <si>
    <t>120dB WDR, HLC, 3-Axis，LightHunter, IP66, Built in AI algorithm</t>
    <phoneticPr fontId="31" type="noConversion"/>
  </si>
  <si>
    <t>1/3" CMOS, ICR, 4MP (2688*1520), Max 30fps; 4MP (2560*1440), Max 30fps; 3MP (2048*1520), Max 30fps;1080P (1920*1080), Max 30fps; Ultra 265/H.264/MJPEG, Triple streams ,DC12V &amp; PoE, 120dB WDR, F2.7-13.5mm Motorized zoom lens, Alarm/Audio in/out 1/1, Bulit-in Mic, IR range: up to 30m, IR anti-reflection window, Micro SD card slot,cable free</t>
    <phoneticPr fontId="31" type="noConversion"/>
  </si>
  <si>
    <t>TBD</t>
    <phoneticPr fontId="31" type="noConversion"/>
  </si>
  <si>
    <t>1/2.7" CMOS, ICR, 4MP (2688*1520), Max 30fps; 4MP (2560*1440), Max 30fps; 3MP (2304*1296), Max 30fps; 1080P (1920*1080), Max 30fps; Ultra 265/H.264/MJPEG, Triple streams ,DC12V &amp; PoE, 120dB WDR,(2.8mm,4mm)fixed lens, IR&amp;LED range: up to 30m, Micro SD card slot,  Bulit-in Mic &amp; Speaker，LightHunter: 0.003 Lux min. illumination</t>
    <phoneticPr fontId="31" type="noConversion"/>
  </si>
  <si>
    <t>0235C5MF</t>
  </si>
  <si>
    <t>2.8mm, Fixed</t>
    <phoneticPr fontId="31" type="noConversion"/>
  </si>
  <si>
    <t>120dB WDR, IP67, HLC, 3-Axis，Colorhunter,Built in AI algorithm</t>
    <phoneticPr fontId="31" type="noConversion"/>
  </si>
  <si>
    <t>0235C5MD</t>
  </si>
  <si>
    <t>MIC&amp;Speaker</t>
    <phoneticPr fontId="31" type="noConversion"/>
  </si>
  <si>
    <t>0235C5ME</t>
  </si>
  <si>
    <t>120dB WDR, IP67，HLC, 3-Axis，Built in AI algorithm</t>
  </si>
  <si>
    <t>1/2.7" CMOS, ICR, 8MP (3840*2160), Max 20fps; 4MP (2560*1440), Max 25fps; 1080P (1920*1080), Max 30fps; Ultra 265/H.265/H.264/MJPEG, Triple streams ,DC12V &amp; PoE, 120dB WDR, （2.8mm,4mm） fixed lens,IR&amp;LED range: up to 30m, Micro SD card slot,  Bulit-in Mic &amp; Speaker，LightHunter: 0.003 Lux min. illumination</t>
    <phoneticPr fontId="31" type="noConversion"/>
  </si>
  <si>
    <t>0235C5MN</t>
    <phoneticPr fontId="32" type="noConversion"/>
  </si>
  <si>
    <t>120dB WDR, IP67，HLC, 3-Axis，Built in AI algorithm</t>
    <phoneticPr fontId="31" type="noConversion"/>
  </si>
  <si>
    <t>0235C5MM</t>
    <phoneticPr fontId="32" type="noConversion"/>
  </si>
  <si>
    <t>√</t>
    <phoneticPr fontId="31" type="noConversion"/>
  </si>
  <si>
    <t>120dB WDR, IP67, Mic，ColorHunter，Built in AI algorithm</t>
  </si>
  <si>
    <t>Optical：4MP
Thermal：256*192</t>
    <phoneticPr fontId="31" type="noConversion"/>
  </si>
  <si>
    <t>Utral 265</t>
    <phoneticPr fontId="31" type="noConversion"/>
  </si>
  <si>
    <t>Optical：4mm
Thermal：3.2mm</t>
    <phoneticPr fontId="31" type="noConversion"/>
  </si>
  <si>
    <t>√</t>
    <phoneticPr fontId="31" type="noConversion"/>
  </si>
  <si>
    <t>N/A</t>
    <phoneticPr fontId="31" type="noConversion"/>
  </si>
  <si>
    <t>Mic/
Speaker</t>
    <phoneticPr fontId="31" type="noConversion"/>
  </si>
  <si>
    <t>1/1</t>
    <phoneticPr fontId="31" type="noConversion"/>
  </si>
  <si>
    <t>2/2</t>
    <phoneticPr fontId="31" type="noConversion"/>
  </si>
  <si>
    <t>4mm focal length, 3.2mm@F1.1 thermal lens(Vanadium Oxide Uncooled Focal Plane Arrays),Built in AI algorithm, fire detection, smoke detection and fire shield area</t>
    <phoneticPr fontId="31" type="noConversion"/>
  </si>
  <si>
    <t xml:space="preserve">Optical： 1/1.8"sensor,  2688*1520@30fps, Ultra 265/H.265/ H.264/MJPEG, Triple streams , DC12V(±25%)/PoE(IEEE802.3af),Up to 50m (164 ft) IR range
Thermal camera：256*192@30fps,3,2mm fixed lens, NETD≤55mk,12μm pixel size
</t>
    <phoneticPr fontId="31" type="noConversion"/>
  </si>
  <si>
    <t>0235C5YK</t>
    <phoneticPr fontId="31" type="noConversion"/>
  </si>
  <si>
    <t>Fixed lens: 2MP
PTZ: 2MP</t>
    <phoneticPr fontId="31" type="noConversion"/>
  </si>
  <si>
    <t>Fixed lens: 2.8mm
PTZ: 4x</t>
    <phoneticPr fontId="31" type="noConversion"/>
  </si>
  <si>
    <t>Mic/
Speaker</t>
    <phoneticPr fontId="31" type="noConversion"/>
  </si>
  <si>
    <t>Lighthunter,WDR, IP66, dual-way talk
Fixed lens: 2.8mm,Smart intrusion prevention
PTZ: 4X optical zoom, Auto-tracking</t>
    <phoneticPr fontId="31" type="noConversion"/>
  </si>
  <si>
    <t>Fixed lens: 1/2.8" CMOS, ICR, 1920x1080:25fps, 
PTZ: 1/2.8" CMOS, ICR, 1920x1080:25fps
Ultra 265/H.264/MJPEG, Triple streams, DC12V, POE(at), Micro SD card slot, two mic, speaker, -20-60℃, IP66,  warm &amp; IR light</t>
    <phoneticPr fontId="31" type="noConversion"/>
  </si>
  <si>
    <t>0235C5QT</t>
    <phoneticPr fontId="31" type="noConversion"/>
  </si>
  <si>
    <t>TBA</t>
    <phoneticPr fontId="18" type="noConversion"/>
  </si>
  <si>
    <t>9 x 1080P@30
5 x 4MP@30
2 x 4K@30</t>
  </si>
  <si>
    <t>0235C5XC</t>
  </si>
  <si>
    <t>16-ch, 2 SATA interface, 1U,  H.265&amp;4K</t>
  </si>
  <si>
    <t>10 x 1080P@30
5 x 4MP@30
2 x 4K@30</t>
  </si>
  <si>
    <t>0235C5X9</t>
  </si>
  <si>
    <t>0235C5X8</t>
  </si>
  <si>
    <t>8-ch, 2 SATA interface, 1U, 8 PoE, H.265&amp;4K</t>
  </si>
  <si>
    <t>0235C60D</t>
  </si>
  <si>
    <t>0235C60E</t>
  </si>
  <si>
    <t>16-ch, 4 SATA interface, 1U, H.265&amp;4K</t>
  </si>
  <si>
    <t>0235C5XB</t>
  </si>
  <si>
    <t>32-ch, 4 SATA interface, 1U, H.265&amp;4K</t>
  </si>
  <si>
    <t>TBA</t>
    <phoneticPr fontId="18" type="noConversion"/>
  </si>
  <si>
    <t>0235C5XA</t>
  </si>
  <si>
    <t>16-ch, 4 SATA interface, 1.5U, H.265&amp;4K, 16 PoE</t>
  </si>
  <si>
    <t>1.5U</t>
  </si>
  <si>
    <t>0235C5XJ</t>
  </si>
  <si>
    <t xml:space="preserve">32-ch, 4 SATA interface, 1.5U, H.265&amp;4K, 16 PoE </t>
  </si>
  <si>
    <t>0235C5XK</t>
  </si>
  <si>
    <t>IPC3638SE-ADF28K-WL-I0</t>
    <phoneticPr fontId="18" type="noConversion"/>
  </si>
  <si>
    <t>IPC3638SE-ADF40K-WL-I0</t>
    <phoneticPr fontId="18" type="noConversion"/>
  </si>
  <si>
    <t>IPC2228SE-DF60K-WL-I0</t>
    <phoneticPr fontId="18" type="noConversion"/>
  </si>
  <si>
    <t>VMS-B180-A</t>
    <phoneticPr fontId="21" type="noConversion"/>
  </si>
  <si>
    <t>Unicorn</t>
    <phoneticPr fontId="21" type="noConversion"/>
  </si>
  <si>
    <t>DEU1008-IN</t>
    <phoneticPr fontId="21" type="noConversion"/>
  </si>
  <si>
    <t>2U 8 HDDs Mini SAS Disk Enclosure</t>
    <phoneticPr fontId="21" type="noConversion"/>
  </si>
  <si>
    <t>DEU1016</t>
    <phoneticPr fontId="21" type="noConversion"/>
  </si>
  <si>
    <t>PWR-300A-IN</t>
    <phoneticPr fontId="21" type="noConversion"/>
  </si>
  <si>
    <t>Redundant Power Supply</t>
    <phoneticPr fontId="21" type="noConversion"/>
  </si>
  <si>
    <t>VMS-B800-A</t>
    <phoneticPr fontId="21" type="noConversion"/>
  </si>
  <si>
    <t>2000-dev, 10000-ch, Unified management of  IPC, NVR, decoder, network keyboard, alarm controller, access controller, cloud devices.</t>
    <phoneticPr fontId="21" type="noConversion"/>
  </si>
  <si>
    <t>PWR-AC300W-NB</t>
    <phoneticPr fontId="21" type="noConversion"/>
  </si>
  <si>
    <t>DC5504-E</t>
    <phoneticPr fontId="21" type="noConversion"/>
  </si>
  <si>
    <t>0235C45M</t>
    <phoneticPr fontId="21" type="noConversion"/>
  </si>
  <si>
    <t>DC5506-E</t>
    <phoneticPr fontId="21" type="noConversion"/>
  </si>
  <si>
    <t>0235C45J</t>
    <phoneticPr fontId="21" type="noConversion"/>
  </si>
  <si>
    <t>DC5509-E</t>
    <phoneticPr fontId="21" type="noConversion"/>
  </si>
  <si>
    <t>0235C45K</t>
    <phoneticPr fontId="21" type="noConversion"/>
  </si>
  <si>
    <t>UNV-ECS-5008@A1</t>
    <phoneticPr fontId="21" type="noConversion"/>
  </si>
  <si>
    <t>UNV-ECS-5004@A1</t>
    <phoneticPr fontId="21" type="noConversion"/>
  </si>
  <si>
    <t>UNV-ECS-5008@A1-HD</t>
    <phoneticPr fontId="21" type="noConversion"/>
  </si>
  <si>
    <t>UNV-ECS-5004@A1-HD</t>
    <phoneticPr fontId="21" type="noConversion"/>
  </si>
  <si>
    <t>NI-VX1612-C</t>
    <phoneticPr fontId="21" type="noConversion"/>
  </si>
  <si>
    <t>0235C5SD</t>
    <phoneticPr fontId="21" type="noConversion"/>
  </si>
  <si>
    <t>NI-VX1616-C</t>
    <phoneticPr fontId="21" type="noConversion"/>
  </si>
  <si>
    <t>0235C3QC</t>
    <phoneticPr fontId="21" type="noConversion"/>
  </si>
  <si>
    <t>NI-VX1624-C</t>
    <phoneticPr fontId="21" type="noConversion"/>
  </si>
  <si>
    <t>0235C3QB</t>
    <phoneticPr fontId="21" type="noConversion"/>
  </si>
  <si>
    <t>NI-VX1636-C</t>
    <phoneticPr fontId="21" type="noConversion"/>
  </si>
  <si>
    <t>0235C5SE</t>
    <phoneticPr fontId="21" type="noConversion"/>
  </si>
  <si>
    <t>NI-VX1648-C</t>
    <phoneticPr fontId="21" type="noConversion"/>
  </si>
  <si>
    <t>0235C5SC</t>
    <phoneticPr fontId="21" type="noConversion"/>
  </si>
  <si>
    <t>IPSAN</t>
    <phoneticPr fontId="21" type="noConversion"/>
  </si>
  <si>
    <t>VX1824-V2</t>
    <phoneticPr fontId="21" type="noConversion"/>
  </si>
  <si>
    <t>0235C3JG</t>
    <phoneticPr fontId="21" type="noConversion"/>
  </si>
  <si>
    <t>VX1848-V2</t>
    <phoneticPr fontId="21" type="noConversion"/>
  </si>
  <si>
    <t>0235C3JK</t>
    <phoneticPr fontId="21" type="noConversion"/>
  </si>
  <si>
    <t>VX3024-V2</t>
    <phoneticPr fontId="21" type="noConversion"/>
  </si>
  <si>
    <t>0235C3JA</t>
    <phoneticPr fontId="21" type="noConversion"/>
  </si>
  <si>
    <t>VX3048-V2</t>
    <phoneticPr fontId="21" type="noConversion"/>
  </si>
  <si>
    <t>0235C3JH</t>
    <phoneticPr fontId="21" type="noConversion"/>
  </si>
  <si>
    <t>VX3060-V2@S</t>
    <phoneticPr fontId="21" type="noConversion"/>
  </si>
  <si>
    <t>0235C3JY</t>
    <phoneticPr fontId="21" type="noConversion"/>
  </si>
  <si>
    <t>VX3060-V2</t>
    <phoneticPr fontId="21" type="noConversion"/>
  </si>
  <si>
    <t>0235C3K1</t>
    <phoneticPr fontId="21" type="noConversion"/>
  </si>
  <si>
    <t>DE1824-V2</t>
    <phoneticPr fontId="21" type="noConversion"/>
  </si>
  <si>
    <t>0235C3JD</t>
    <phoneticPr fontId="21" type="noConversion"/>
  </si>
  <si>
    <t>DE1848-V2</t>
    <phoneticPr fontId="21" type="noConversion"/>
  </si>
  <si>
    <t>0235C3JL</t>
    <phoneticPr fontId="21" type="noConversion"/>
  </si>
  <si>
    <t>DE3124-V2</t>
    <phoneticPr fontId="21" type="noConversion"/>
  </si>
  <si>
    <t>0235C3JC</t>
    <phoneticPr fontId="21" type="noConversion"/>
  </si>
  <si>
    <t>DE3148-V2</t>
    <phoneticPr fontId="21" type="noConversion"/>
  </si>
  <si>
    <t>0235C3JN</t>
    <phoneticPr fontId="21" type="noConversion"/>
  </si>
  <si>
    <t>DE3160-V2@S</t>
    <phoneticPr fontId="21" type="noConversion"/>
  </si>
  <si>
    <t>0235C3K0</t>
    <phoneticPr fontId="21" type="noConversion"/>
  </si>
  <si>
    <t>DE3160-V2</t>
    <phoneticPr fontId="21" type="noConversion"/>
  </si>
  <si>
    <t>0235C3JV</t>
    <phoneticPr fontId="21" type="noConversion"/>
  </si>
  <si>
    <t>IPC2122LE-ADF28KMC-WL</t>
    <phoneticPr fontId="31" type="noConversion"/>
  </si>
  <si>
    <t>IPC2122LE-ADF40KMC-WL</t>
    <phoneticPr fontId="31" type="noConversion"/>
  </si>
  <si>
    <t>IPC3612LE-ADF28KC-WL</t>
    <phoneticPr fontId="31" type="noConversion"/>
  </si>
  <si>
    <t>Easystar</t>
    <phoneticPr fontId="31" type="noConversion"/>
  </si>
  <si>
    <t>IPC2124LE-ADF28KM-G</t>
    <phoneticPr fontId="31" type="noConversion"/>
  </si>
  <si>
    <t>Easystar</t>
    <phoneticPr fontId="31" type="noConversion"/>
  </si>
  <si>
    <t>IPC2124LE-ADF40KM-G</t>
    <phoneticPr fontId="31" type="noConversion"/>
  </si>
  <si>
    <t>Easystar</t>
    <phoneticPr fontId="31" type="noConversion"/>
  </si>
  <si>
    <t>IPC324LE-DSF28K-G</t>
    <phoneticPr fontId="31" type="noConversion"/>
  </si>
  <si>
    <t>Easystar</t>
    <phoneticPr fontId="31" type="noConversion"/>
  </si>
  <si>
    <t>IPC324LE-DSF40K-G</t>
    <phoneticPr fontId="31" type="noConversion"/>
  </si>
  <si>
    <t>IPC3614LE-ADF40K-G</t>
    <phoneticPr fontId="31" type="noConversion"/>
  </si>
  <si>
    <t>IPC2125LE-ADF28KM-G</t>
    <phoneticPr fontId="31" type="noConversion"/>
  </si>
  <si>
    <t>IPC2125LE-ADF40KM-G</t>
    <phoneticPr fontId="31" type="noConversion"/>
  </si>
  <si>
    <t>IPC325LE-ADF28K-G</t>
    <phoneticPr fontId="31" type="noConversion"/>
  </si>
  <si>
    <t>IPC325LE-ADF40K-G</t>
    <phoneticPr fontId="31" type="noConversion"/>
  </si>
  <si>
    <t>IPC3615LE-ADF28K-G</t>
    <phoneticPr fontId="31" type="noConversion"/>
  </si>
  <si>
    <t>IPC3615LE-ADF40K-G</t>
    <phoneticPr fontId="31" type="noConversion"/>
  </si>
  <si>
    <t>IPC3232SB-AHDZK-I0</t>
    <phoneticPr fontId="18" type="noConversion"/>
  </si>
  <si>
    <t xml:space="preserve">NVR301-04S3  </t>
    <phoneticPr fontId="31" type="noConversion"/>
  </si>
  <si>
    <t>c</t>
    <phoneticPr fontId="18" type="noConversion"/>
  </si>
  <si>
    <t>Decoder</t>
    <phoneticPr fontId="25" type="noConversion"/>
  </si>
  <si>
    <t>PRIME-III Project products</t>
    <phoneticPr fontId="31" type="noConversion"/>
  </si>
  <si>
    <t>4+1 NVR wifi KIT</t>
    <phoneticPr fontId="31" type="noConversion"/>
  </si>
  <si>
    <t>4+1 NVR wifi KIT</t>
    <phoneticPr fontId="31" type="noConversion"/>
  </si>
  <si>
    <t>IPC2322SB-HDZK-I0</t>
    <phoneticPr fontId="18" type="noConversion"/>
  </si>
  <si>
    <t>2.7-13.5mm, F1.2 Motorized</t>
  </si>
  <si>
    <t>120dB WDR, IP67&amp;IK10, HLC, 3-Axis，LightHunter，Built in AI algorithm</t>
  </si>
  <si>
    <t>1/2.8" CMOS, ICR, 2MP (1920*1080), Max 60fps;, Ultra 265/H.264/MJPEG, Triple streams ,DC12V &amp; PoE, 120dB WDR, 2.7-13.5mm Motorized zoom lens, IR range: up to 50m, Micro SD card slot，LightHunter: 0.001 Lux min. illumination</t>
  </si>
  <si>
    <t>0235C65R</t>
  </si>
  <si>
    <t>0235C65T</t>
  </si>
  <si>
    <t>120dB WDR, IP67&amp;IK10,HLC, 3-Axis，Built in AI algorithm</t>
  </si>
  <si>
    <t>1/2.7" CMOS, ICR,8MP (3840*2160)@20fps; 5MP (3072*1728)@30/25fps; 4MP (2560*1440)@30/25fps; 2MP (1920*1080) @30/25fpsUltra 265/H.265/H.264/MJPEG, Triple streams ,DC12V &amp; PoE, 120dB WDR,(2.8mm,4mm)lens,Alarm in/out 1/1, Audio1/1,  IR range: up to 30m, Micro SD card slot，LightHunter: 0.003 Lux min. illumination</t>
  </si>
  <si>
    <t xml:space="preserve"> 0235C69F</t>
  </si>
  <si>
    <t>120dB WDR, IP67&amp;IK10，HLC, 3-Axis，Built in AI algorithm</t>
  </si>
  <si>
    <t>0235C69J</t>
  </si>
  <si>
    <t>IPC2128SB-ADF40KM-I0</t>
    <phoneticPr fontId="18" type="noConversion"/>
  </si>
  <si>
    <t>IPC3634SE-ADZK-WL-I0</t>
    <phoneticPr fontId="18" type="noConversion"/>
  </si>
  <si>
    <t>120dB WDR, IP67&amp;IK10,  Mic，ColorHunter，Built in AI algorithm</t>
  </si>
  <si>
    <t>1/1.8" CMOS, 4MP (2688*1520), Max 30fps; Ultra 265/H.265/H.264/MJPEG, Triple streams, DC12V &amp; PoE,  Micro SD card slot, Alarm in/out 1/1, Audio in/out 1/1, IP67&amp;IK10, 2.8-12mm F1.2 Motorized lens, IR anti-reflection window, LED distance:TBD, 0.0005 Lux min. illumination</t>
  </si>
  <si>
    <t>0235C60W</t>
  </si>
  <si>
    <t>120dB WDR, IP67&amp;IK10, Mic，ColorHunter，Built in AI algorithm</t>
  </si>
  <si>
    <t>0235C60T</t>
  </si>
  <si>
    <t>IPC3634SE-ADF28K-WL-I0</t>
    <phoneticPr fontId="18" type="noConversion"/>
  </si>
  <si>
    <t>2.8mm, Fixed
F1.0</t>
  </si>
  <si>
    <t>1/1.8" CMOS, 4MP (2688*1520), Max 30fps; 2MP(1920*1080), Max 30fps; Ultra 265/H.265/H.264/MJPEG, Triple streams ,DC12V &amp; PoE, 120dB WDR, 2.8mm fixed lens, LED distance: 30m, Micro SD card slot，0.0005 Lux min. illumination</t>
  </si>
  <si>
    <t>0235C5PM</t>
  </si>
  <si>
    <t>1/1.8" CMOS, 4MP (2688*1520),, Max 30fps; 2MP(1920*1080), Max 30fps; Ultra 265/H.265/H.264/MJPEG, Triple streams ,DC12V &amp; PoE, 120dB WDR, 4 mm fixed lens, LED distance: 30m , Micro SD card slot，0.0005 Lux min. illumination</t>
  </si>
  <si>
    <t>0235C5PN</t>
  </si>
  <si>
    <t>120dB WDR, IP67, ColorHunter，Built in AI algorithm</t>
  </si>
  <si>
    <t>1/1.8" CMOS, 4MP (2688*1520), Max 30fps; Ultra 265/H.265/H.264/MJPEG, Triple streams, DC12V &amp; PoE,  Micro SD card slot, Alarm in/out 1/1, Audio in/out 1/1, 4.0mm fixed lens, IR anti-reflection window, TBD Lux min. illumination</t>
  </si>
  <si>
    <t>0235C5YU</t>
  </si>
  <si>
    <t>IPC2228SE-DF40K-WL-I0</t>
    <phoneticPr fontId="18" type="noConversion"/>
  </si>
  <si>
    <t>120dB WDR, IP67&amp;IK10 ColorHunter，Built in AI algorithm</t>
  </si>
  <si>
    <t>1/1.8" CMOS, 8MP (3840*2160), Max 30fps in Frame Rate Priority mode; Max 20fps in Smart Priority mode; Ultra 265/H.265/H.264/MJPEG, Triple streams ,DC12V &amp; PoE, 120dB WDR, 4mm fixed lens, LED distance: up to 30m, IR anti-reflection window, Micro SD card slot，0.002 Lux min. illumination</t>
  </si>
  <si>
    <t>0235C5Y4</t>
  </si>
  <si>
    <t>6mm, Fixed
F1.0</t>
  </si>
  <si>
    <t>1/1.8" CMOS, 8MP (3840*2160), , Max 30fps in Frame Rate Priority mode; Max 20fps in Smart Priority mode; Ultra 265/H.265/H.264/MJPEG, Triple streams ,DC12V &amp; PoE, 120dB WDR, 6mm fixed lens, LED distance: up to 30m, IR anti-reflection window, Micro SD card slot，0.002 Lux min. illumination</t>
  </si>
  <si>
    <t>0235C5Y3</t>
  </si>
  <si>
    <t>1/1.8" CMOS, 8MP (3840*2160), Max 30fps in Frame Rate Priority mode; Max 20fps in Smart Priority mode; Ultra 265/H.265/H.264/MJPEG, Triple streams ,DC12V &amp; PoE, 120dB WDR, 2.8mm fixed lens, LED distance: up to 30m, Micro SD card slot，0.001 Lux min. illumination</t>
  </si>
  <si>
    <t>0235C5XN</t>
  </si>
  <si>
    <t>1/1.8" CMOS, 8MP (3840*2160), Max 30fps in Frame Rate Priority mode; Max 20fps in Smart Priority mode; Ultra 265/H.265/H.264/MJPEG, Triple streams ,DC12V &amp; PoE, 120dB WDR, 4 mm fixed lens, LED distance: up to 30m, Micro SD card slot，0.001 Lux min. illumination</t>
  </si>
  <si>
    <t>0235C5XP</t>
  </si>
  <si>
    <t>IPC2122LB-AF28WK-G</t>
    <phoneticPr fontId="18" type="noConversion"/>
  </si>
  <si>
    <t>DWDR,IP67, HLC, Wi-Fi</t>
  </si>
  <si>
    <t>1/2.7" CMOS,ICR, 1920x1080:30fps, Ultra 265, H.265, H.264, MJPEG, double streams, DC 12V&amp;PoE, Fixed lens(2.8mm,4mm),IR range: up to 30m, 3-Axis</t>
  </si>
  <si>
    <t>0235C60A</t>
  </si>
  <si>
    <t>0235C60B</t>
  </si>
  <si>
    <t>IPC322LB-AF28WK-G</t>
    <phoneticPr fontId="18" type="noConversion"/>
  </si>
  <si>
    <t>120dB WDR,IP67&amp;IK10, HLC</t>
  </si>
  <si>
    <t>0235C4Y7</t>
  </si>
  <si>
    <t>1/3" CMOS, ICR, 2566x1440:25fps, Ultra 265/H.264/MJPEG, Two stream,   DC12V &amp; PoE,  Fixed lens (2.8mm,4.0mm), IR range: up to 30m, 3-Axis</t>
  </si>
  <si>
    <t>DWDR,IP67&amp;IK10,HLC</t>
  </si>
  <si>
    <t xml:space="preserve">1/3" CMOS, ICR,2566x1440:25fps, Ultra 265/H.264/MJPEG, Two stream,   DC12V &amp; PoE,Fixed lens (2.8mm,4.0mm), IR range: up to 30m, 3-Axis </t>
  </si>
  <si>
    <t>1/3" CMOS, ICR,2566x1440:25fps, Ultra 265/H.264/MJPEG, Two streams,   DC12V &amp; PoE,  Fixed lens (2.8mm,4mm), IR range: up to 30m, 3-Axis</t>
  </si>
  <si>
    <t>LPR</t>
    <phoneticPr fontId="31" type="noConversion"/>
  </si>
  <si>
    <t>LPR</t>
    <phoneticPr fontId="31" type="noConversion"/>
  </si>
  <si>
    <t>2MP</t>
    <phoneticPr fontId="31" type="noConversion"/>
  </si>
  <si>
    <t>Ultra 265</t>
    <phoneticPr fontId="31" type="noConversion"/>
  </si>
  <si>
    <t>4.7~47mm</t>
    <phoneticPr fontId="31" type="noConversion"/>
  </si>
  <si>
    <t>√</t>
    <phoneticPr fontId="31" type="noConversion"/>
  </si>
  <si>
    <t>N/A</t>
    <phoneticPr fontId="31" type="noConversion"/>
  </si>
  <si>
    <t>X</t>
    <phoneticPr fontId="31" type="noConversion"/>
  </si>
  <si>
    <t>√</t>
    <phoneticPr fontId="31" type="noConversion"/>
  </si>
  <si>
    <t>License plate recognition
POE, WDR, 10X optical zoom
alarm I/O, IR supported</t>
    <phoneticPr fontId="31" type="noConversion"/>
  </si>
  <si>
    <t xml:space="preserve">0235C5WL </t>
    <phoneticPr fontId="31" type="noConversion"/>
  </si>
  <si>
    <t>2MP</t>
    <phoneticPr fontId="31" type="noConversion"/>
  </si>
  <si>
    <t>Ultra 265</t>
    <phoneticPr fontId="31" type="noConversion"/>
  </si>
  <si>
    <t>4.7~47mm</t>
    <phoneticPr fontId="31" type="noConversion"/>
  </si>
  <si>
    <t>N/A</t>
    <phoneticPr fontId="31" type="noConversion"/>
  </si>
  <si>
    <t>License plate recognition
POE, WDR, 10X optical zoom
alarm I/O, LED supported</t>
    <phoneticPr fontId="31" type="noConversion"/>
  </si>
  <si>
    <t>0235C5WM</t>
    <phoneticPr fontId="31" type="noConversion"/>
  </si>
  <si>
    <t>1/2.8" CMOS, ICR, 1920×1080:60fps, Ultra 265/H.264/MJPEG, Triple streams, DC12V, POE, Micro SD card slot,  Alarm in/out 2/1, Audio, -40-60℃, IP67, IK10, 10x optical zoom( 4.7~47mm), IR range: up to 50m</t>
    <phoneticPr fontId="31" type="noConversion"/>
  </si>
  <si>
    <t>1/2.8" CMOS, ICR, 1920×1080:60fps, Ultra 265/H.264/MJPEG, Triple streams, DC12V, POE, Micro SD card slot,  Alarm in/out 2/1, Audio, -40-60℃, IP67, IK10, 10x optical zoom( 4.7~47mm), LED range: up to 50m</t>
    <phoneticPr fontId="31" type="noConversion"/>
  </si>
  <si>
    <t>HC121@TS8CR-Z</t>
    <phoneticPr fontId="31" type="noConversion"/>
  </si>
  <si>
    <t>HC121@TS8C-Z</t>
    <phoneticPr fontId="31" type="noConversion"/>
  </si>
  <si>
    <t>IPC3612LE-ADF40KC-WL</t>
    <phoneticPr fontId="31" type="noConversion"/>
  </si>
  <si>
    <t>IPC3612LE-ADF28KMC-WL</t>
    <phoneticPr fontId="31" type="noConversion"/>
  </si>
  <si>
    <t>IPC3612LE-ADF40KMC-WL</t>
    <phoneticPr fontId="31" type="noConversion"/>
  </si>
  <si>
    <t>T1L-2WT@EU-NB</t>
    <phoneticPr fontId="18" type="noConversion"/>
  </si>
  <si>
    <t xml:space="preserve"> </t>
    <phoneticPr fontId="31" type="noConversion"/>
  </si>
  <si>
    <t xml:space="preserve"> </t>
    <phoneticPr fontId="18" type="noConversion"/>
  </si>
  <si>
    <t>4MP*4MP</t>
  </si>
  <si>
    <t>25X</t>
  </si>
  <si>
    <t>Dual-lens，lighthunter, 25x optical zoom, warm light, RS485, BNC, 
Smart Intrusion Prevention, People counting, Face capture.</t>
  </si>
  <si>
    <t>Fixed lens：1/1.8", 4MP, 4mm@F1.0, Up to 30m warm light range, 
PTZ：1/2.8", 4MP, 4.8~120mm@F1.5, 25x optical zoom, Up to 100m IR range, 
Ultra 265, H.265, H.264, MJPEG, -40℃ ~ 70℃, IP66, 6KV
DC12V (±25%), PoE+(IEEE 802.3at)</t>
  </si>
  <si>
    <t>Dual-lens，lighthunter, 25x optical zoom, RS485, BNC, 
Smart Intrusion Prevention, People counting, Face capture.</t>
  </si>
  <si>
    <t>Fixed lens：1/2.8", 4MP, 4mm@F1.6, , Up to 30m IR range.
PTZ：1/2.8", 4MP, 4.8~120mm@F1.5, 25x optical zoom, Up to 100m IR range, 
Ultra 265, H.265, H.264, MJPEG, -40℃ ~ 70℃, IP66, 6KV
DC12V (±25%), PoE+(IEEE 802.3at)</t>
  </si>
  <si>
    <t>0235C6BM</t>
    <phoneticPr fontId="19" type="noConversion"/>
  </si>
  <si>
    <t>0235C6BL</t>
    <phoneticPr fontId="19" type="noConversion"/>
  </si>
  <si>
    <t>IPC94144SFW-X25-F40C</t>
    <phoneticPr fontId="19" type="noConversion"/>
  </si>
  <si>
    <t>IPC2K24SE-ADF40KMC-WL-I0</t>
    <phoneticPr fontId="18" type="noConversion"/>
  </si>
  <si>
    <t>NVR304-64E2</t>
    <phoneticPr fontId="18" type="noConversion"/>
  </si>
  <si>
    <t>0235C6FH</t>
    <phoneticPr fontId="18" type="noConversion"/>
  </si>
  <si>
    <t>4</t>
    <phoneticPr fontId="18" type="noConversion"/>
  </si>
  <si>
    <t>NVR301-04LS3-P4</t>
    <phoneticPr fontId="31" type="noConversion"/>
  </si>
  <si>
    <t>IPC2128SB-ADF28KM-I0</t>
    <phoneticPr fontId="18" type="noConversion"/>
  </si>
  <si>
    <t>IPC2324SE-ADZK-WL-I0</t>
    <phoneticPr fontId="18" type="noConversion"/>
  </si>
  <si>
    <t>Prime-III
( ColorHunter)</t>
    <phoneticPr fontId="31" type="noConversion"/>
  </si>
  <si>
    <t>Prime-III
( ColorHunter)</t>
  </si>
  <si>
    <t>IPC252ERA-X22DUP</t>
    <phoneticPr fontId="31" type="noConversion"/>
  </si>
  <si>
    <t>NVR301-08LS2-P8</t>
    <phoneticPr fontId="18" type="noConversion"/>
  </si>
  <si>
    <t>64-ch, 4 SATA interface, 1U, H.265&amp;4K</t>
    <phoneticPr fontId="18" type="noConversion"/>
  </si>
  <si>
    <t>64</t>
    <phoneticPr fontId="18" type="noConversion"/>
  </si>
  <si>
    <t>0235C68W</t>
  </si>
  <si>
    <t>Face, Card, Password, QR code</t>
  </si>
  <si>
    <t>7 inch touch screen</t>
  </si>
  <si>
    <t>7 inch face recognition terminal</t>
  </si>
  <si>
    <t>OET-573B-HMQR-WR</t>
  </si>
  <si>
    <t>0235C68X</t>
  </si>
  <si>
    <t>Face, Card, Password</t>
  </si>
  <si>
    <t>OET-573B-HM-R</t>
  </si>
  <si>
    <t>0235C4CB</t>
  </si>
  <si>
    <t>LAN×1, Wiegand Input×1, Wiegand Output×1, RS485×1, RS232×1, I/O Input×2, I/O Output×2, USB2.0×1</t>
  </si>
  <si>
    <t>Face, Password</t>
  </si>
  <si>
    <t>7 inch face recognition terminal for turnstile</t>
  </si>
  <si>
    <t>OET-523L</t>
  </si>
  <si>
    <t>/</t>
  </si>
  <si>
    <t>0235C4CF</t>
  </si>
  <si>
    <t>LAN×1, Wiegand Input×1, Wiegand Output×1, RS485×1, Alarm Input×2, Alarm Output×1, USB2.0×1, Lock×1, Door Contact ×1, Exit Button×1</t>
  </si>
  <si>
    <t>7 inch face recognition access control terminal</t>
  </si>
  <si>
    <t>OET-213H</t>
  </si>
  <si>
    <t>0235C4SK</t>
  </si>
  <si>
    <t>LAN×1, RS485×1, Alarm Input×1, Alarm Output×1, Lock×1, Door Contact ×1, Exit Button×1</t>
  </si>
  <si>
    <t>4 inch touch screen</t>
  </si>
  <si>
    <t>4 inch face recognition access control terminal</t>
  </si>
  <si>
    <t>OET-231H</t>
  </si>
  <si>
    <t>Face Recognition Access Control Terminal</t>
  </si>
  <si>
    <t>BOM</t>
  </si>
  <si>
    <t>Interface</t>
  </si>
  <si>
    <t>Door Opening Method</t>
  </si>
  <si>
    <t>Face Capacity</t>
  </si>
  <si>
    <t>Screen</t>
  </si>
  <si>
    <t>Picture</t>
  </si>
  <si>
    <t>IPC3618SE-ADF40KM-WL-I0</t>
    <phoneticPr fontId="31" type="noConversion"/>
  </si>
  <si>
    <t>IPC2128SE-ADF40KM-WL-I0</t>
    <phoneticPr fontId="31" type="noConversion"/>
  </si>
  <si>
    <t>IPC3614LE-ADF40KC-WL</t>
    <phoneticPr fontId="18" type="noConversion"/>
  </si>
  <si>
    <t>IPC2124LE-ADF28KMC-WL</t>
    <phoneticPr fontId="18" type="noConversion"/>
  </si>
  <si>
    <t>IPC2124LE-ADF40KMC-WL</t>
    <phoneticPr fontId="18" type="noConversion"/>
  </si>
  <si>
    <t>XVR301-08G3</t>
    <phoneticPr fontId="18" type="noConversion"/>
  </si>
  <si>
    <t>XVR301-16G3</t>
    <phoneticPr fontId="18" type="noConversion"/>
  </si>
  <si>
    <t> 4-port, 2 Uplink port PoE Switch</t>
  </si>
  <si>
    <t>802.3af/at</t>
  </si>
  <si>
    <t>65W</t>
  </si>
  <si>
    <t> 8-port, 2 Uplink port PoE Switch</t>
  </si>
  <si>
    <t>120W</t>
  </si>
  <si>
    <t>9801C16F</t>
  </si>
  <si>
    <t> 16-port, 2 Uplink port PoE Switch</t>
  </si>
  <si>
    <t>250W</t>
  </si>
  <si>
    <t> 24-port, 2 Uplink port PoE Switch</t>
  </si>
  <si>
    <t>370W</t>
  </si>
  <si>
    <t>9801C0YU</t>
  </si>
  <si>
    <t>NSW2020-6T-POE-IN</t>
    <phoneticPr fontId="31" type="noConversion"/>
  </si>
  <si>
    <t>NSW2020-10T-POE-IN</t>
    <phoneticPr fontId="31" type="noConversion"/>
  </si>
  <si>
    <t>NSW2020-16T1GT1GC-POE-IN</t>
    <phoneticPr fontId="31" type="noConversion"/>
  </si>
  <si>
    <t>NSW2020-24T1GT1GC-POE-IN</t>
    <phoneticPr fontId="31" type="noConversion"/>
  </si>
  <si>
    <t>UAC-B112-F28-W</t>
  </si>
  <si>
    <t>UAC-B115-F28-W</t>
  </si>
  <si>
    <t>UAC-T112-F28-W</t>
  </si>
  <si>
    <t>UAC-T115-F28-W</t>
  </si>
  <si>
    <t>UAC-B112-F40</t>
    <phoneticPr fontId="31" type="noConversion"/>
  </si>
  <si>
    <t>UAC-B115-F40</t>
    <phoneticPr fontId="31" type="noConversion"/>
  </si>
  <si>
    <t>UAC-B115-F40-W</t>
    <phoneticPr fontId="31" type="noConversion"/>
  </si>
  <si>
    <t>UAC-T112-F40</t>
    <phoneticPr fontId="31" type="noConversion"/>
  </si>
  <si>
    <t>UAC-T112-F40-W</t>
    <phoneticPr fontId="31" type="noConversion"/>
  </si>
  <si>
    <t>UAC-T115-F40</t>
    <phoneticPr fontId="31" type="noConversion"/>
  </si>
  <si>
    <t>0235C6JU</t>
    <phoneticPr fontId="31" type="noConversion"/>
  </si>
  <si>
    <t>0235C6JJ</t>
    <phoneticPr fontId="31" type="noConversion"/>
  </si>
  <si>
    <t>UAC-B112-F28</t>
    <phoneticPr fontId="31" type="noConversion"/>
  </si>
  <si>
    <t>UAC-B112-F40-W</t>
    <phoneticPr fontId="31" type="noConversion"/>
  </si>
  <si>
    <t>UAC-B115-F28</t>
    <phoneticPr fontId="31" type="noConversion"/>
  </si>
  <si>
    <t>UAC-T112-F28</t>
    <phoneticPr fontId="31" type="noConversion"/>
  </si>
  <si>
    <t>UAC-T115-F28</t>
    <phoneticPr fontId="31" type="noConversion"/>
  </si>
  <si>
    <t>0235C6JK</t>
    <phoneticPr fontId="31" type="noConversion"/>
  </si>
  <si>
    <t>0235C6JX</t>
    <phoneticPr fontId="31" type="noConversion"/>
  </si>
  <si>
    <t>0235C6JV</t>
    <phoneticPr fontId="31" type="noConversion"/>
  </si>
  <si>
    <t>0235C6JP</t>
    <phoneticPr fontId="31" type="noConversion"/>
  </si>
  <si>
    <t>0235C6JL</t>
    <phoneticPr fontId="31" type="noConversion"/>
  </si>
  <si>
    <t>0235C6JP</t>
    <phoneticPr fontId="31" type="noConversion"/>
  </si>
  <si>
    <t>0235C6JS</t>
    <phoneticPr fontId="31" type="noConversion"/>
  </si>
  <si>
    <t>0235C6JR</t>
    <phoneticPr fontId="31" type="noConversion"/>
  </si>
  <si>
    <t>0235C6JT</t>
    <phoneticPr fontId="31" type="noConversion"/>
  </si>
  <si>
    <t>0235C6JY</t>
    <phoneticPr fontId="31" type="noConversion"/>
  </si>
  <si>
    <t>0235C6JM</t>
    <phoneticPr fontId="31" type="noConversion"/>
  </si>
  <si>
    <t>0235C6JN</t>
    <phoneticPr fontId="31" type="noConversion"/>
  </si>
  <si>
    <t>0235C6JW</t>
    <phoneticPr fontId="31" type="noConversion"/>
  </si>
  <si>
    <t>IPC3618LE-ADF28K-G</t>
    <phoneticPr fontId="31" type="noConversion"/>
  </si>
  <si>
    <t>Analog HD</t>
    <phoneticPr fontId="31" type="noConversion"/>
  </si>
  <si>
    <t>OEP-SP11</t>
  </si>
  <si>
    <t>EP-ZF1</t>
    <phoneticPr fontId="31" type="noConversion"/>
  </si>
  <si>
    <t>OEP-BTS1-BD-NB</t>
  </si>
  <si>
    <t>OEP-BTM32-NB</t>
    <phoneticPr fontId="31" type="noConversion"/>
  </si>
  <si>
    <t>EP-SZ66-M</t>
    <phoneticPr fontId="31" type="noConversion"/>
  </si>
  <si>
    <t xml:space="preserve">OET-231KH@TF </t>
  </si>
  <si>
    <t xml:space="preserve">OET-231K1H@TWD </t>
  </si>
  <si>
    <t>EP-S34</t>
  </si>
  <si>
    <t>EP-S34-S</t>
  </si>
  <si>
    <t>Waterproof Cover for OET-214H outdoor installation</t>
  </si>
  <si>
    <t>EP-SC3</t>
    <phoneticPr fontId="31" type="noConversion"/>
  </si>
  <si>
    <t>16-ch , 1 SATA interface, 16 BNC/5MP Lite, Mini 1U, H.265, audio over coaxial</t>
    <phoneticPr fontId="19" type="noConversion"/>
  </si>
  <si>
    <t>IPC3614LE-ADF28KC-WL</t>
    <phoneticPr fontId="18" type="noConversion"/>
  </si>
  <si>
    <t>1/2.8" CMOS, ICR, 2688x1520: 325fps, Ultra 265/H.265/H.264/MJPEG, Double stream,   DC12V &amp; PoE,Fixed lens 2.8mm,4mm, IR &amp; Warm LED range: up to 30m. , 3-axis   EasyStar: 0.002 Lux min. illumination</t>
  </si>
  <si>
    <t>0235C69R</t>
  </si>
  <si>
    <t xml:space="preserve"> 0235C69Q</t>
  </si>
  <si>
    <t>1/2.8" CMOS, ICR, 2688x1520: 25fps, Ultra 265/H.265/H.264/MJPEG, Double stream,   DC12V &amp; PoE,Fixed lens 2.8mm,4mm,  IR &amp; Warm LED range: up to 30m. , 3-axis   EasyStar: 0.002 Lux min. illumination</t>
  </si>
  <si>
    <t>0235C69V</t>
  </si>
  <si>
    <t>0235C69T</t>
  </si>
  <si>
    <t>IPC2224SA-DF60K</t>
    <phoneticPr fontId="18" type="noConversion"/>
  </si>
  <si>
    <t>120dB WDR,  IP67&amp;IK10,3-Axis,Lighthunter, HLC,
50m IR,Built in AI algorithm</t>
  </si>
  <si>
    <t>1/1.8“ CMOS, ICR, 2688*1520 30fps,Ultra 265/H.264/MJPEG, Triple streams,DC12V &amp; PoE, Micro SD card slot, IP67&amp;IK10 ,Alarm in/out 1/1, Audio in/out 1/1, 120dB WDR,  IR range: up to 50m, 3-Axis, Lighthunter: 0.001Lux min. illumination</t>
  </si>
  <si>
    <t>0235C494</t>
  </si>
  <si>
    <t>0235C493</t>
  </si>
  <si>
    <t>1/1.8“ CMOS, ICR, 2688*1520 30fps,Ultra 265/H.264/MJPEG, Triple streams,DC12V &amp; PoE, Micro SD card slot, IP67&amp;IK10 ,Alarm in/out 1/1, Audio in/out 1/1, 120dB WDR,  IR range: up to 40m, 3-Axis, Lighthunter: 0.001Lux min. illumination</t>
  </si>
  <si>
    <t>0235C492</t>
  </si>
  <si>
    <t>120dB WDR,  IP67&amp;IK10,3-Axis,Lighthunter, HLC,
40m IR, Built in AI algorithm</t>
  </si>
  <si>
    <t>0235C490</t>
  </si>
  <si>
    <t>4MP</t>
    <phoneticPr fontId="31" type="noConversion"/>
  </si>
  <si>
    <t>0235C2TA</t>
  </si>
  <si>
    <t>NVR302-16S-P8</t>
    <phoneticPr fontId="18" type="noConversion"/>
  </si>
  <si>
    <t>IPC94144SR-X25-F40C</t>
    <phoneticPr fontId="19" type="noConversion"/>
  </si>
  <si>
    <t>IPC2128SE-ADF28KM-WL-I0</t>
    <phoneticPr fontId="31" type="noConversion"/>
  </si>
  <si>
    <t>IPC3618SE-ADF28KM-WL-I0</t>
    <phoneticPr fontId="31" type="noConversion"/>
  </si>
  <si>
    <t>SL-A</t>
    <phoneticPr fontId="18" type="noConversion"/>
  </si>
  <si>
    <t>RM-1U-380</t>
    <phoneticPr fontId="18" type="noConversion"/>
  </si>
  <si>
    <t>RM-1U-260</t>
    <phoneticPr fontId="18" type="noConversion"/>
  </si>
  <si>
    <t>NVR824-128R</t>
    <phoneticPr fontId="18" type="noConversion"/>
  </si>
  <si>
    <t>NVR824-256R</t>
    <phoneticPr fontId="18" type="noConversion"/>
  </si>
  <si>
    <t>XVR301-04G3</t>
    <phoneticPr fontId="18" type="noConversion"/>
  </si>
  <si>
    <t>XVR301-08G</t>
    <phoneticPr fontId="18" type="noConversion"/>
  </si>
  <si>
    <t>0235C46C</t>
    <phoneticPr fontId="23" type="noConversion"/>
  </si>
  <si>
    <t>0235C46A</t>
    <phoneticPr fontId="23" type="noConversion"/>
  </si>
  <si>
    <t>0235C465</t>
    <phoneticPr fontId="23" type="noConversion"/>
  </si>
  <si>
    <t>0235C5FL</t>
    <phoneticPr fontId="19" type="noConversion"/>
  </si>
  <si>
    <t>0235C5A5</t>
    <phoneticPr fontId="19" type="noConversion"/>
  </si>
  <si>
    <t>0235C5A6</t>
    <phoneticPr fontId="19" type="noConversion"/>
  </si>
  <si>
    <t>XVR301-16G</t>
    <phoneticPr fontId="19" type="noConversion"/>
  </si>
  <si>
    <t>IPC3614LE-ADF28K-G</t>
    <phoneticPr fontId="31" type="noConversion"/>
  </si>
  <si>
    <t>KB-2100</t>
    <phoneticPr fontId="31" type="noConversion"/>
  </si>
  <si>
    <t>V8.0</t>
    <phoneticPr fontId="31" type="noConversion"/>
  </si>
  <si>
    <t>NVR501-04B</t>
  </si>
  <si>
    <t>NVR501-08B</t>
  </si>
  <si>
    <t>NVR501-16B</t>
  </si>
  <si>
    <t>NVR501-04B-LP4</t>
  </si>
  <si>
    <t>NVR501-08B-LP8</t>
  </si>
  <si>
    <t>NVR501-08B-P8</t>
  </si>
  <si>
    <t>NVR501-04B-P4</t>
  </si>
  <si>
    <t>0235C6K4</t>
  </si>
  <si>
    <t>0235C6K2</t>
  </si>
  <si>
    <t>0235C6E9</t>
  </si>
  <si>
    <t>0235C6E8</t>
  </si>
  <si>
    <t>0235C6E7</t>
  </si>
  <si>
    <t>0235C6E6</t>
  </si>
  <si>
    <t>NVR501 Series</t>
    <phoneticPr fontId="18" type="noConversion"/>
  </si>
  <si>
    <t>0235C6K3</t>
    <phoneticPr fontId="18" type="noConversion"/>
  </si>
  <si>
    <t>0231C11G</t>
  </si>
  <si>
    <t>Expand Enclosure</t>
    <phoneticPr fontId="21" type="noConversion"/>
  </si>
  <si>
    <t>Storage Host</t>
    <phoneticPr fontId="21" type="noConversion"/>
  </si>
  <si>
    <t>UNV DE1824-V2,12G SAS,Network Storage Expand Enclosure,Max 24 Disks</t>
    <phoneticPr fontId="21" type="noConversion"/>
  </si>
  <si>
    <t>UNV DE1848-V2,12G SAS Disk Enclosure,Max 48 Disks</t>
    <phoneticPr fontId="21" type="noConversion"/>
  </si>
  <si>
    <t>UNV DE3124-V2,12G SAS Disk Enclosure,Max 24 Disks</t>
    <phoneticPr fontId="21" type="noConversion"/>
  </si>
  <si>
    <t>UNV DE3148-V2,12G SAS Disk Enclosure,Max 48 Disks</t>
    <phoneticPr fontId="21" type="noConversion"/>
  </si>
  <si>
    <t>UNV DE3160-V2@S,12G SAS Disk Enclosure,Max 60 Disks</t>
    <phoneticPr fontId="21" type="noConversion"/>
  </si>
  <si>
    <t>UNV DE3160-V2,12G SAS Disk Enclosure,Max60 Disks</t>
    <phoneticPr fontId="21" type="noConversion"/>
  </si>
  <si>
    <t>UNV NI-VX1612-C,Network Storage Host,64bit CPU,3GE Ports,Single Power Module,Control Software,Support 12 HDD</t>
    <phoneticPr fontId="21" type="noConversion"/>
  </si>
  <si>
    <t>UNV NI-VX1616-C,Network Storage Host,64bit CPU,3GE Ports,Single Power Module,Control Software,Support 16 HDD</t>
    <phoneticPr fontId="21" type="noConversion"/>
  </si>
  <si>
    <t>UNV NI-VX1624-C,Network Storage Host,64bit CPU,3GE Ports,Single Power Module,Control Software,Support 24 HDD</t>
    <phoneticPr fontId="21" type="noConversion"/>
  </si>
  <si>
    <t>UNV NI-VX1636-C,Network Storage Host,64bit CPU,3GE Ports,Single Power Module,Control Software,Support 36 HDD</t>
    <phoneticPr fontId="21" type="noConversion"/>
  </si>
  <si>
    <t>UNV NI-VX1648-C,Network Storage Host,64bit CPU,3GE Ports,Single Power Module,Control Software,Support 48 HDD</t>
    <phoneticPr fontId="21" type="noConversion"/>
  </si>
  <si>
    <t>UNV NI-VX1824,Network Storage Host,64bit CPU,5GE Ports,Single Power Module,Control Software,Support 24 HDD,Surpport DEU Expand</t>
    <phoneticPr fontId="21" type="noConversion"/>
  </si>
  <si>
    <t>UNV NI-VX1848,Network Storage,64 Bit CPU,5GE Ports,5 HD MiniSAS Interface(SAS3.0),Single Power Module,Control Software,Support 48 HDD,Support DEU Expand</t>
    <phoneticPr fontId="21" type="noConversion"/>
  </si>
  <si>
    <t>UNV VX3024-V2,Network Storage,64bit CPU,10GE Ports,Including 4 HD MiniSAS HD Interface Management Software,Support 24  HDD,Support DEU Expand</t>
    <phoneticPr fontId="21" type="noConversion"/>
  </si>
  <si>
    <t>UNV VX3048-V2,Network Storage,64bit CPU,10GE Ports,Including 4 MiniSAS HD Interface Management Software,Support 48  HDD,Support DEU Expand</t>
    <phoneticPr fontId="21" type="noConversion"/>
  </si>
  <si>
    <t>UNV VX3060-V2@S,Network Storage,64bit CPU,5GE Ports,Including 2 MiniSAS HD Interface Management Software,Support 60 HDD,Support DEU Expand</t>
    <phoneticPr fontId="21" type="noConversion"/>
  </si>
  <si>
    <t>UNV VX3060-V2,Network Storage,64bit CPU,10GE Ports,Including 4 HD MiniSAS HD Interface Management Software,Support 60 HDD,Support DEU Expand</t>
    <phoneticPr fontId="21" type="noConversion"/>
  </si>
  <si>
    <t>8-channel Intelligent Edge Computing Server</t>
    <phoneticPr fontId="21" type="noConversion"/>
  </si>
  <si>
    <t>4-channel Intelligent Edge Computing Server</t>
    <phoneticPr fontId="21" type="noConversion"/>
  </si>
  <si>
    <t>8-channel Intelligent Edge Computing Server-Including HDD</t>
    <phoneticPr fontId="21" type="noConversion"/>
  </si>
  <si>
    <t>4-channel Intelligent Edge Computing Server-Including HDD</t>
    <phoneticPr fontId="21" type="noConversion"/>
  </si>
  <si>
    <t>250-dev, 500-ch, Unified management of  IPC, NVR, face recognition terminal, decoder, network keyboard, alarm controller, access controller, cloud devices.</t>
    <phoneticPr fontId="21" type="noConversion"/>
  </si>
  <si>
    <t>1000-dev, 2000-ch, Unified management of  IPC, NVR, face recognition terminal, decoder, network keyboard, alarm controller, access controller, cloud devices.</t>
    <phoneticPr fontId="21" type="noConversion"/>
  </si>
  <si>
    <t>3U 16 HDDs Mini SAS Disk Enclosure</t>
    <phoneticPr fontId="21" type="noConversion"/>
  </si>
  <si>
    <t>Redundant Power Supply</t>
    <phoneticPr fontId="21" type="noConversion"/>
  </si>
  <si>
    <t>0235C4EV</t>
  </si>
  <si>
    <t>0235C2GK</t>
  </si>
  <si>
    <t xml:space="preserve">0235C3GE </t>
  </si>
  <si>
    <t>KIT/NVR301-04LS3-W/4*2122LB-ABF28WK-G</t>
    <phoneticPr fontId="31" type="noConversion"/>
  </si>
  <si>
    <t>KIT/NVR301-04LS3-W/4*2122LB-ABF40WK-G</t>
    <phoneticPr fontId="31" type="noConversion"/>
  </si>
  <si>
    <t>KIT/NVR301-04LS3-W/4*322LB-ABF28WK-G</t>
    <phoneticPr fontId="31" type="noConversion"/>
  </si>
  <si>
    <t>XVR301-08Q</t>
    <phoneticPr fontId="18" type="noConversion"/>
  </si>
  <si>
    <t xml:space="preserve">0235TRA8 </t>
    <phoneticPr fontId="18" type="noConversion"/>
  </si>
  <si>
    <t xml:space="preserve"> </t>
    <phoneticPr fontId="18" type="noConversion"/>
  </si>
  <si>
    <t>IPC2124LR5-DUPF40M-F</t>
    <phoneticPr fontId="18" type="noConversion"/>
  </si>
  <si>
    <t>Prime-I (Tri-Guard)</t>
    <phoneticPr fontId="31" type="noConversion"/>
  </si>
  <si>
    <t>2MP</t>
    <phoneticPr fontId="31" type="noConversion"/>
  </si>
  <si>
    <t>2MP</t>
    <phoneticPr fontId="31" type="noConversion"/>
  </si>
  <si>
    <t>Ultra 265</t>
    <phoneticPr fontId="31" type="noConversion"/>
  </si>
  <si>
    <t>S</t>
  </si>
  <si>
    <t>R</t>
  </si>
  <si>
    <t>E</t>
  </si>
  <si>
    <t>NEW</t>
  </si>
  <si>
    <t>MRSP</t>
  </si>
  <si>
    <t>SU RICHIESTA</t>
  </si>
  <si>
    <t>IPC6322LR-X22-C</t>
  </si>
  <si>
    <t>IPC6322SR-X22P-C</t>
  </si>
  <si>
    <t>DISPONIBILITA'</t>
  </si>
  <si>
    <t>STATO</t>
  </si>
  <si>
    <r>
      <t>1/1.8" CMOS, ICR,8MP (3840*2160), Max 30fps in Frame Rate Priority mode; Max 20fps in Smart Priority mode; Ultra 265/H.265/H.264/MJPEG, Triple streams ,DC12V &amp; PoE, 120dB WDR, 2.8~12mm Motorized lens, IR range: up to 40m, Micro SD card slot，0.001 Lux min. illumination</t>
    </r>
    <r>
      <rPr>
        <sz val="11"/>
        <color theme="1"/>
        <rFont val="Calibri"/>
        <family val="2"/>
        <charset val="134"/>
        <scheme val="minor"/>
      </rPr>
      <t/>
    </r>
  </si>
  <si>
    <r>
      <t>1/1.8" CMOS, ICR,8MP (3840*2160), Max 30fps in Frame Rate Priority mode; Max 20fps in Smart Priority mode;Ultra 265/H.265/H.264/MJPEG, Triple streams ,DC12V &amp; PoE, 120dB WDR, 2.8~12mm Motorized lens, IR range: up to 40m, Micro SD card slot，0 Lux min. illumination</t>
    </r>
    <r>
      <rPr>
        <sz val="11"/>
        <color theme="1"/>
        <rFont val="Calibri"/>
        <family val="2"/>
        <charset val="134"/>
        <scheme val="minor"/>
      </rPr>
      <t/>
    </r>
  </si>
  <si>
    <r>
      <t>IPC3238EA-DZK</t>
    </r>
    <r>
      <rPr>
        <sz val="12"/>
        <color theme="1"/>
        <rFont val="Calibri"/>
        <family val="3"/>
        <charset val="134"/>
        <scheme val="minor"/>
      </rPr>
      <t xml:space="preserve"> </t>
    </r>
  </si>
  <si>
    <t>UNVKIT17</t>
  </si>
  <si>
    <t>UNVKIT18</t>
  </si>
  <si>
    <t>UNVKIT27</t>
  </si>
  <si>
    <t>UNVKIT28</t>
  </si>
  <si>
    <t>UNVKIT25</t>
  </si>
  <si>
    <t>UNVKIT24</t>
  </si>
  <si>
    <t>UNVKIT26</t>
  </si>
  <si>
    <t>UNVKIT31</t>
  </si>
  <si>
    <t>UNVKIT32</t>
  </si>
  <si>
    <r>
      <rPr>
        <sz val="12"/>
        <color theme="1"/>
        <rFont val="Wingdings 2"/>
        <family val="1"/>
        <charset val="2"/>
      </rPr>
      <t></t>
    </r>
    <r>
      <rPr>
        <sz val="12"/>
        <color theme="1"/>
        <rFont val="微软雅黑"/>
        <family val="2"/>
        <charset val="134"/>
      </rPr>
      <t xml:space="preserve"> 24-port, 4 Uplink port Aggregation Switch</t>
    </r>
  </si>
  <si>
    <r>
      <t>RJ45 Ethernet</t>
    </r>
    <r>
      <rPr>
        <sz val="10"/>
        <color theme="1"/>
        <rFont val="宋体"/>
        <family val="3"/>
        <charset val="134"/>
      </rPr>
      <t>×</t>
    </r>
    <r>
      <rPr>
        <sz val="10"/>
        <color theme="1"/>
        <rFont val="Calibri"/>
        <family val="2"/>
      </rPr>
      <t>1,RS485×1,Wiegand Input×1, Wiegand Output×1,Alarm Input×2, Alarm Output×1</t>
    </r>
  </si>
  <si>
    <r>
      <t>RJ45 Ethernet</t>
    </r>
    <r>
      <rPr>
        <sz val="10"/>
        <color theme="1"/>
        <rFont val="宋体"/>
        <family val="3"/>
        <charset val="134"/>
      </rPr>
      <t>×</t>
    </r>
    <r>
      <rPr>
        <sz val="10"/>
        <color theme="1"/>
        <rFont val="Calibri"/>
        <family val="2"/>
      </rPr>
      <t>1, Wi-Fi,RS485×1,Wiegand Input×1, Wiegand Output×1,Alarm Input×2, Alarm Output×1</t>
    </r>
  </si>
  <si>
    <t>SERIE</t>
  </si>
  <si>
    <t>CODICE</t>
  </si>
  <si>
    <t>NOTE</t>
  </si>
  <si>
    <t>Versione</t>
  </si>
  <si>
    <t>Validità</t>
  </si>
  <si>
    <t>dal 1° Settembre 2022</t>
  </si>
  <si>
    <t>Nuovo prodotto / In arrivo</t>
  </si>
  <si>
    <t>Prodotto normalmente a stock o in riordino</t>
  </si>
  <si>
    <t>Prodotto su richiesta (Potrebbe essere soggetto a quantità minime / costi aggiuntivi)</t>
  </si>
  <si>
    <t>Stato:</t>
  </si>
  <si>
    <t>Articolo in esaurimento</t>
  </si>
  <si>
    <t>IMMAGINE</t>
  </si>
  <si>
    <t>DESCRIZIONE</t>
  </si>
  <si>
    <t>Disponibilità*:</t>
  </si>
  <si>
    <t>RISOLUZIONE</t>
  </si>
  <si>
    <t>COMPRESSIONE</t>
  </si>
  <si>
    <t>OBIETTIVO</t>
  </si>
  <si>
    <t>PULSANTE RESET</t>
  </si>
  <si>
    <t>FUNZIONI</t>
  </si>
  <si>
    <t>DESCRIZIONE BREVE</t>
  </si>
  <si>
    <t>INGRESSI VIDEO</t>
  </si>
  <si>
    <t>BANDA INGRESSO</t>
  </si>
  <si>
    <t>CAPACITA' DECODING</t>
  </si>
  <si>
    <t>INTERFACCE NETWORK</t>
  </si>
  <si>
    <t>INTERFACCIA NETWORK</t>
  </si>
  <si>
    <t xml:space="preserve">PORTE 10/100Mbps </t>
  </si>
  <si>
    <t>PORTE COMBO GIGA(RJ45 and SFP)</t>
  </si>
  <si>
    <t>PORTE SFP</t>
  </si>
  <si>
    <t>STANDARD PoE</t>
  </si>
  <si>
    <t>POTENZA PoE TOTALE</t>
  </si>
  <si>
    <t>PREMESSA</t>
  </si>
  <si>
    <t>Le informazioni presenti nel presente listino sono fornite direttamente dal produttore, Advanced Innovations non si assume alcuna responsabilità riguardo ad eventuali errori presenti nel listino. I prodotti contenuti nel presente listino, le caratteristiche degli stessi e i prezzi possono cambiare senza preavviso. Alcuni prodotti presenti in questo listino sono disponibili solo su richiesta e potrebbero essere soggetti a quantitativo minimo ordinabile. La situazione attuale di carenza chipset a livello mondiale, potrebbe rendere temporaneamente non disponibili alcuni prodotti. Si prega di voler sempre verificare con il nostro ufficio vendite la disponibilità e/o reperibilità degli stessi. L'indicazione articolo a stock è puramente indicativa e potrebbe subire variazioni nel corso del tempo. Gli articoli contrassegnati con NEW potrebbero non essere immediatamente disponibili.</t>
  </si>
  <si>
    <t>CONDIZIONI DI VENDITA</t>
  </si>
  <si>
    <t xml:space="preserve">Al presente listino si applicano le Condizioni Generali di Vendita Advanced Innovations scaricabili da https://www.adin.it/it/supporto </t>
  </si>
  <si>
    <t>VALIDITA'</t>
  </si>
  <si>
    <t xml:space="preserve">Il presente listino è valido dal 01/09/22 </t>
  </si>
  <si>
    <t>*Disponibilità magazzino Advanced Innovations Sr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44" formatCode="_-* #,##0.00\ &quot;€&quot;_-;\-* #,##0.00\ &quot;€&quot;_-;_-* &quot;-&quot;??\ &quot;€&quot;_-;_-@_-"/>
    <numFmt numFmtId="164" formatCode="_ * #,##0.00_ ;_ * \-#,##0.00_ ;_ * &quot;-&quot;??_ ;_ @_ "/>
    <numFmt numFmtId="165" formatCode="_(&quot;$&quot;* #,##0.00_);_(&quot;$&quot;* \(#,##0.00\);_(&quot;$&quot;* &quot;-&quot;??_);_(@_)"/>
    <numFmt numFmtId="167" formatCode="0_);[Red]\(0\)"/>
    <numFmt numFmtId="169" formatCode="#,##0_);[Red]\(#,##0\)"/>
    <numFmt numFmtId="171" formatCode="[$€-2]\ #,##0.0_);[Red]\([$€-2]\ #,##0.0\)"/>
    <numFmt numFmtId="172" formatCode="#,##0.0_);[Red]\(#,##0.0\)"/>
  </numFmts>
  <fonts count="71">
    <font>
      <sz val="11"/>
      <color theme="1"/>
      <name val="Calibri"/>
      <family val="3"/>
      <charset val="134"/>
      <scheme val="minor"/>
    </font>
    <font>
      <sz val="11"/>
      <color theme="1"/>
      <name val="Calibri"/>
      <family val="2"/>
      <charset val="134"/>
      <scheme val="minor"/>
    </font>
    <font>
      <sz val="11"/>
      <color theme="1"/>
      <name val="Calibri"/>
      <family val="2"/>
      <charset val="134"/>
      <scheme val="minor"/>
    </font>
    <font>
      <sz val="11"/>
      <color theme="1"/>
      <name val="Calibri"/>
      <family val="2"/>
      <charset val="134"/>
      <scheme val="minor"/>
    </font>
    <font>
      <sz val="10"/>
      <name val="Calibri"/>
      <family val="2"/>
    </font>
    <font>
      <b/>
      <sz val="10"/>
      <color indexed="10"/>
      <name val="Calibri"/>
      <family val="2"/>
    </font>
    <font>
      <b/>
      <sz val="10"/>
      <color indexed="55"/>
      <name val="Calibri"/>
      <family val="2"/>
    </font>
    <font>
      <b/>
      <sz val="10"/>
      <name val="Calibri"/>
      <family val="2"/>
    </font>
    <font>
      <b/>
      <sz val="10"/>
      <color indexed="9"/>
      <name val="Calibri"/>
      <family val="2"/>
    </font>
    <font>
      <b/>
      <sz val="10"/>
      <color indexed="10"/>
      <name val="宋体"/>
      <family val="3"/>
      <charset val="134"/>
    </font>
    <font>
      <b/>
      <sz val="10"/>
      <name val="宋体"/>
      <family val="3"/>
      <charset val="134"/>
    </font>
    <font>
      <sz val="12"/>
      <name val="宋体"/>
      <family val="3"/>
      <charset val="134"/>
    </font>
    <font>
      <sz val="12"/>
      <name val="Times New Roman"/>
      <family val="1"/>
    </font>
    <font>
      <sz val="10"/>
      <color indexed="8"/>
      <name val="Arial Narrow"/>
      <family val="2"/>
    </font>
    <font>
      <sz val="10"/>
      <name val="Arial"/>
      <family val="2"/>
    </font>
    <font>
      <b/>
      <sz val="10"/>
      <color indexed="55"/>
      <name val="宋体"/>
      <family val="3"/>
      <charset val="134"/>
    </font>
    <font>
      <sz val="10"/>
      <color indexed="55"/>
      <name val="Calibri"/>
      <family val="2"/>
    </font>
    <font>
      <b/>
      <sz val="10"/>
      <name val="Arial"/>
      <family val="2"/>
    </font>
    <font>
      <sz val="9"/>
      <name val="宋体"/>
      <family val="3"/>
      <charset val="134"/>
    </font>
    <font>
      <sz val="9"/>
      <name val="宋体"/>
      <family val="3"/>
      <charset val="134"/>
    </font>
    <font>
      <b/>
      <sz val="12"/>
      <name val="Calibri"/>
      <family val="2"/>
    </font>
    <font>
      <sz val="9"/>
      <name val="宋体"/>
      <family val="3"/>
      <charset val="134"/>
    </font>
    <font>
      <b/>
      <sz val="12"/>
      <name val="微软雅黑"/>
      <family val="2"/>
      <charset val="134"/>
    </font>
    <font>
      <sz val="9"/>
      <name val="宋体"/>
      <family val="3"/>
      <charset val="134"/>
    </font>
    <font>
      <sz val="9"/>
      <name val="宋体"/>
      <family val="3"/>
      <charset val="134"/>
    </font>
    <font>
      <sz val="9"/>
      <name val="宋体"/>
      <family val="3"/>
      <charset val="134"/>
    </font>
    <font>
      <sz val="11"/>
      <color theme="1"/>
      <name val="Calibri"/>
      <family val="3"/>
      <charset val="134"/>
      <scheme val="minor"/>
    </font>
    <font>
      <b/>
      <sz val="10"/>
      <color rgb="FFFF0000"/>
      <name val="Calibri"/>
      <family val="2"/>
    </font>
    <font>
      <b/>
      <sz val="10"/>
      <color theme="0" tint="-0.249977111117893"/>
      <name val="Calibri"/>
      <family val="2"/>
    </font>
    <font>
      <b/>
      <sz val="10"/>
      <color rgb="FFC00000"/>
      <name val="Calibri"/>
      <family val="2"/>
    </font>
    <font>
      <b/>
      <sz val="10"/>
      <color rgb="FF0000FF"/>
      <name val="Calibri"/>
      <family val="2"/>
    </font>
    <font>
      <sz val="9"/>
      <name val="Calibri"/>
      <family val="3"/>
      <charset val="134"/>
      <scheme val="minor"/>
    </font>
    <font>
      <sz val="9"/>
      <name val="Calibri"/>
      <family val="2"/>
      <charset val="134"/>
      <scheme val="minor"/>
    </font>
    <font>
      <sz val="9"/>
      <name val="宋体"/>
      <family val="3"/>
      <charset val="134"/>
    </font>
    <font>
      <sz val="12"/>
      <name val="微软雅黑"/>
      <family val="2"/>
      <charset val="134"/>
    </font>
    <font>
      <b/>
      <sz val="11"/>
      <color theme="3"/>
      <name val="Calibri"/>
      <family val="2"/>
      <charset val="134"/>
      <scheme val="minor"/>
    </font>
    <font>
      <sz val="11"/>
      <color theme="1"/>
      <name val="Calibri"/>
      <family val="3"/>
      <charset val="134"/>
      <scheme val="minor"/>
    </font>
    <font>
      <b/>
      <sz val="11"/>
      <color theme="3"/>
      <name val="Calibri"/>
      <family val="3"/>
      <charset val="134"/>
      <scheme val="minor"/>
    </font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2"/>
      <color theme="1"/>
      <name val="微软雅黑"/>
      <family val="2"/>
      <charset val="134"/>
    </font>
    <font>
      <sz val="12"/>
      <color theme="0"/>
      <name val="微软雅黑"/>
      <family val="2"/>
      <charset val="134"/>
    </font>
    <font>
      <sz val="12"/>
      <color theme="1"/>
      <name val="Calibri"/>
      <family val="3"/>
      <charset val="134"/>
      <scheme val="minor"/>
    </font>
    <font>
      <b/>
      <sz val="12"/>
      <color theme="1"/>
      <name val="微软雅黑"/>
      <family val="2"/>
      <charset val="134"/>
    </font>
    <font>
      <sz val="9"/>
      <color indexed="81"/>
      <name val="宋体"/>
      <family val="3"/>
      <charset val="134"/>
    </font>
    <font>
      <b/>
      <sz val="9"/>
      <color indexed="81"/>
      <name val="宋体"/>
      <family val="3"/>
      <charset val="134"/>
    </font>
    <font>
      <b/>
      <sz val="12"/>
      <color theme="1"/>
      <name val="Calibri"/>
      <family val="2"/>
    </font>
    <font>
      <sz val="10"/>
      <color theme="1"/>
      <name val="微软雅黑"/>
      <family val="2"/>
      <charset val="134"/>
    </font>
    <font>
      <sz val="12"/>
      <color theme="1"/>
      <name val="宋体"/>
      <family val="3"/>
      <charset val="134"/>
    </font>
    <font>
      <sz val="12"/>
      <color theme="1"/>
      <name val="Calibri"/>
      <family val="2"/>
    </font>
    <font>
      <sz val="9"/>
      <color theme="1"/>
      <name val="微软雅黑"/>
      <family val="2"/>
      <charset val="134"/>
    </font>
    <font>
      <sz val="10"/>
      <color theme="1"/>
      <name val="Calibri"/>
      <family val="2"/>
    </font>
    <font>
      <sz val="10"/>
      <color theme="1"/>
      <name val="宋体"/>
      <family val="3"/>
      <charset val="134"/>
    </font>
    <font>
      <sz val="11"/>
      <color theme="1"/>
      <name val="微软雅黑"/>
      <family val="2"/>
      <charset val="134"/>
    </font>
    <font>
      <sz val="12"/>
      <color theme="1"/>
      <name val="Berlin Sans FB Demi"/>
      <family val="2"/>
    </font>
    <font>
      <sz val="12"/>
      <color theme="1"/>
      <name val="Arial"/>
      <family val="2"/>
    </font>
    <font>
      <b/>
      <sz val="12"/>
      <color theme="1"/>
      <name val="Calibri"/>
      <family val="3"/>
      <charset val="134"/>
      <scheme val="minor"/>
    </font>
    <font>
      <b/>
      <sz val="12"/>
      <color theme="1"/>
      <name val="Calibri"/>
      <family val="2"/>
      <scheme val="minor"/>
    </font>
    <font>
      <b/>
      <sz val="10"/>
      <color theme="1"/>
      <name val="Calibri"/>
      <family val="2"/>
    </font>
    <font>
      <b/>
      <sz val="12"/>
      <color theme="1"/>
      <name val="微软雅黑"/>
    </font>
    <font>
      <b/>
      <sz val="11"/>
      <color theme="1"/>
      <name val="微软雅黑"/>
      <family val="2"/>
      <charset val="134"/>
    </font>
    <font>
      <b/>
      <sz val="11"/>
      <color theme="1"/>
      <name val="Calibri"/>
      <family val="2"/>
    </font>
    <font>
      <sz val="12"/>
      <color theme="1"/>
      <name val="Wingdings 2"/>
      <family val="1"/>
      <charset val="2"/>
    </font>
    <font>
      <b/>
      <sz val="11"/>
      <color theme="1"/>
      <name val="Calibri"/>
      <family val="3"/>
      <charset val="134"/>
      <scheme val="minor"/>
    </font>
    <font>
      <b/>
      <sz val="12"/>
      <name val="微软雅黑"/>
    </font>
    <font>
      <i/>
      <sz val="10"/>
      <color theme="1"/>
      <name val="微软雅黑"/>
    </font>
    <font>
      <b/>
      <sz val="11"/>
      <color theme="1"/>
      <name val="微软雅黑"/>
    </font>
    <font>
      <b/>
      <sz val="10"/>
      <color theme="1"/>
      <name val="微软雅黑"/>
      <family val="2"/>
      <charset val="134"/>
    </font>
    <font>
      <b/>
      <sz val="9"/>
      <color theme="1"/>
      <name val="微软雅黑"/>
    </font>
    <font>
      <b/>
      <u/>
      <sz val="14"/>
      <color rgb="FF000000"/>
      <name val="Calibri"/>
      <family val="2"/>
    </font>
    <font>
      <sz val="11"/>
      <color theme="1"/>
      <name val="Calibri"/>
      <family val="3"/>
      <charset val="134"/>
    </font>
  </fonts>
  <fills count="8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3297C0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34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dotted">
        <color rgb="FF00B050"/>
      </left>
      <right style="dotted">
        <color rgb="FF00B050"/>
      </right>
      <top style="dotted">
        <color rgb="FF00B050"/>
      </top>
      <bottom style="dotted">
        <color rgb="FF00B050"/>
      </bottom>
      <diagonal/>
    </border>
    <border>
      <left style="dotted">
        <color rgb="FF00B050"/>
      </left>
      <right style="dotted">
        <color rgb="FF00B050"/>
      </right>
      <top style="dotted">
        <color rgb="FF00B050"/>
      </top>
      <bottom/>
      <diagonal/>
    </border>
    <border>
      <left style="dotted">
        <color rgb="FF00B050"/>
      </left>
      <right style="dotted">
        <color rgb="FF00B050"/>
      </right>
      <top/>
      <bottom style="dotted">
        <color rgb="FF00B050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medium">
        <color theme="4" tint="0.39991454817346722"/>
      </bottom>
      <diagonal/>
    </border>
    <border>
      <left/>
      <right/>
      <top/>
      <bottom style="medium">
        <color theme="4" tint="0.39994506668294322"/>
      </bottom>
      <diagonal/>
    </border>
    <border>
      <left/>
      <right/>
      <top/>
      <bottom style="medium">
        <color theme="4" tint="0.39988402966399123"/>
      </bottom>
      <diagonal/>
    </border>
    <border>
      <left/>
      <right/>
      <top/>
      <bottom style="medium">
        <color theme="4" tint="0.39985351115451523"/>
      </bottom>
      <diagonal/>
    </border>
    <border>
      <left/>
      <right/>
      <top/>
      <bottom style="medium">
        <color theme="4" tint="0.39982299264503923"/>
      </bottom>
      <diagonal/>
    </border>
    <border>
      <left/>
      <right/>
      <top/>
      <bottom style="medium">
        <color theme="4" tint="0.39979247413556324"/>
      </bottom>
      <diagonal/>
    </border>
  </borders>
  <cellStyleXfs count="162">
    <xf numFmtId="171" fontId="0" fillId="0" borderId="0">
      <alignment vertical="center"/>
    </xf>
    <xf numFmtId="171" fontId="11" fillId="0" borderId="0"/>
    <xf numFmtId="9" fontId="26" fillId="0" borderId="0" applyFont="0" applyFill="0" applyBorder="0" applyAlignment="0" applyProtection="0">
      <alignment vertical="center"/>
    </xf>
    <xf numFmtId="171" fontId="11" fillId="0" borderId="0" applyProtection="0">
      <alignment vertical="center"/>
    </xf>
    <xf numFmtId="171" fontId="26" fillId="0" borderId="0"/>
    <xf numFmtId="171" fontId="11" fillId="0" borderId="0">
      <alignment vertical="center"/>
    </xf>
    <xf numFmtId="171" fontId="13" fillId="0" borderId="0" applyProtection="0">
      <alignment vertical="center"/>
    </xf>
    <xf numFmtId="171" fontId="14" fillId="0" borderId="0"/>
    <xf numFmtId="171" fontId="26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11" fillId="0" borderId="0">
      <alignment vertical="center"/>
    </xf>
    <xf numFmtId="171" fontId="26" fillId="0" borderId="0"/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65" fontId="14" fillId="0" borderId="0" applyFont="0" applyFill="0" applyBorder="0" applyAlignment="0" applyProtection="0"/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71" fontId="12" fillId="0" borderId="0"/>
    <xf numFmtId="171" fontId="11" fillId="0" borderId="0">
      <alignment vertical="center"/>
    </xf>
    <xf numFmtId="171" fontId="26" fillId="0" borderId="0">
      <alignment vertical="center"/>
    </xf>
    <xf numFmtId="171" fontId="3" fillId="0" borderId="0">
      <alignment vertical="center"/>
    </xf>
    <xf numFmtId="171" fontId="26" fillId="0" borderId="0">
      <alignment vertical="center"/>
    </xf>
    <xf numFmtId="171" fontId="14" fillId="0" borderId="0"/>
    <xf numFmtId="171" fontId="11" fillId="0" borderId="0">
      <alignment vertical="center"/>
    </xf>
    <xf numFmtId="171" fontId="2" fillId="0" borderId="0">
      <alignment vertical="center"/>
    </xf>
    <xf numFmtId="9" fontId="26" fillId="0" borderId="0" applyFont="0" applyFill="0" applyBorder="0" applyAlignment="0" applyProtection="0">
      <alignment vertical="center"/>
    </xf>
    <xf numFmtId="171" fontId="3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/>
    <xf numFmtId="171" fontId="11" fillId="0" borderId="0"/>
    <xf numFmtId="171" fontId="37" fillId="0" borderId="28" applyNumberFormat="0" applyFill="0" applyAlignment="0" applyProtection="0">
      <alignment vertical="center"/>
    </xf>
    <xf numFmtId="171" fontId="26" fillId="0" borderId="0">
      <alignment vertical="center"/>
    </xf>
    <xf numFmtId="171" fontId="37" fillId="0" borderId="31" applyNumberFormat="0" applyFill="0" applyAlignment="0" applyProtection="0">
      <alignment vertical="center"/>
    </xf>
    <xf numFmtId="171" fontId="14" fillId="0" borderId="0"/>
    <xf numFmtId="171" fontId="11" fillId="0" borderId="0">
      <alignment vertical="center"/>
    </xf>
    <xf numFmtId="171" fontId="11" fillId="0" borderId="0" applyProtection="0">
      <alignment vertical="center"/>
    </xf>
    <xf numFmtId="171" fontId="13" fillId="0" borderId="0" applyProtection="0">
      <alignment vertical="center"/>
    </xf>
    <xf numFmtId="9" fontId="26" fillId="0" borderId="0" applyFont="0" applyFill="0" applyBorder="0" applyAlignment="0" applyProtection="0">
      <alignment vertical="center"/>
    </xf>
    <xf numFmtId="171" fontId="37" fillId="0" borderId="30" applyNumberFormat="0" applyFill="0" applyAlignment="0" applyProtection="0">
      <alignment vertical="center"/>
    </xf>
    <xf numFmtId="171" fontId="37" fillId="0" borderId="29" applyNumberFormat="0" applyFill="0" applyAlignment="0" applyProtection="0">
      <alignment vertical="center"/>
    </xf>
    <xf numFmtId="171" fontId="11" fillId="0" borderId="0">
      <alignment vertical="center"/>
    </xf>
    <xf numFmtId="171" fontId="26" fillId="0" borderId="0">
      <alignment vertical="center"/>
    </xf>
    <xf numFmtId="171" fontId="26" fillId="0" borderId="0"/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71" fontId="12" fillId="0" borderId="0"/>
    <xf numFmtId="171" fontId="26" fillId="0" borderId="0">
      <alignment vertical="center"/>
    </xf>
    <xf numFmtId="171" fontId="35" fillId="0" borderId="27" applyNumberFormat="0" applyFill="0" applyAlignment="0" applyProtection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71" fontId="37" fillId="0" borderId="32" applyNumberFormat="0" applyFill="0" applyAlignment="0" applyProtection="0">
      <alignment vertical="center"/>
    </xf>
    <xf numFmtId="171" fontId="26" fillId="0" borderId="0">
      <alignment vertical="center"/>
    </xf>
    <xf numFmtId="171" fontId="37" fillId="0" borderId="28" applyNumberFormat="0" applyFill="0" applyAlignment="0" applyProtection="0">
      <alignment vertical="center"/>
    </xf>
    <xf numFmtId="171" fontId="37" fillId="0" borderId="29" applyNumberFormat="0" applyFill="0" applyAlignment="0" applyProtection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71" fontId="38" fillId="0" borderId="0"/>
    <xf numFmtId="171" fontId="39" fillId="0" borderId="0"/>
    <xf numFmtId="171" fontId="14" fillId="0" borderId="0"/>
    <xf numFmtId="171" fontId="39" fillId="0" borderId="0"/>
    <xf numFmtId="171" fontId="38" fillId="0" borderId="0"/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/>
    <xf numFmtId="171" fontId="26" fillId="0" borderId="0">
      <alignment vertical="center"/>
    </xf>
    <xf numFmtId="171" fontId="11" fillId="0" borderId="0"/>
    <xf numFmtId="171" fontId="37" fillId="0" borderId="31" applyNumberFormat="0" applyFill="0" applyAlignment="0" applyProtection="0">
      <alignment vertical="center"/>
    </xf>
    <xf numFmtId="171" fontId="37" fillId="0" borderId="33" applyNumberFormat="0" applyFill="0" applyAlignment="0" applyProtection="0">
      <alignment vertical="center"/>
    </xf>
    <xf numFmtId="171" fontId="14" fillId="0" borderId="0"/>
    <xf numFmtId="171" fontId="11" fillId="0" borderId="0">
      <alignment vertical="center"/>
    </xf>
    <xf numFmtId="171" fontId="13" fillId="0" borderId="0" applyProtection="0">
      <alignment vertical="center"/>
    </xf>
    <xf numFmtId="171" fontId="11" fillId="0" borderId="0" applyProtection="0">
      <alignment vertical="center"/>
    </xf>
    <xf numFmtId="171" fontId="37" fillId="0" borderId="32" applyNumberFormat="0" applyFill="0" applyAlignment="0" applyProtection="0">
      <alignment vertical="center"/>
    </xf>
    <xf numFmtId="171" fontId="37" fillId="0" borderId="30" applyNumberFormat="0" applyFill="0" applyAlignment="0" applyProtection="0">
      <alignment vertical="center"/>
    </xf>
    <xf numFmtId="171" fontId="12" fillId="0" borderId="0"/>
    <xf numFmtId="171" fontId="37" fillId="0" borderId="28" applyNumberFormat="0" applyFill="0" applyAlignment="0" applyProtection="0">
      <alignment vertical="center"/>
    </xf>
    <xf numFmtId="171" fontId="11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/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/>
    <xf numFmtId="171" fontId="26" fillId="0" borderId="0">
      <alignment vertical="center"/>
    </xf>
    <xf numFmtId="171" fontId="11" fillId="0" borderId="0"/>
    <xf numFmtId="171" fontId="37" fillId="0" borderId="31" applyNumberFormat="0" applyFill="0" applyAlignment="0" applyProtection="0">
      <alignment vertical="center"/>
    </xf>
    <xf numFmtId="171" fontId="37" fillId="0" borderId="33" applyNumberFormat="0" applyFill="0" applyAlignment="0" applyProtection="0">
      <alignment vertical="center"/>
    </xf>
    <xf numFmtId="171" fontId="14" fillId="0" borderId="0"/>
    <xf numFmtId="171" fontId="11" fillId="0" borderId="0">
      <alignment vertical="center"/>
    </xf>
    <xf numFmtId="171" fontId="13" fillId="0" borderId="0" applyProtection="0">
      <alignment vertical="center"/>
    </xf>
    <xf numFmtId="171" fontId="11" fillId="0" borderId="0" applyProtection="0">
      <alignment vertical="center"/>
    </xf>
    <xf numFmtId="171" fontId="26" fillId="0" borderId="0">
      <alignment vertical="center"/>
    </xf>
    <xf numFmtId="171" fontId="37" fillId="0" borderId="32" applyNumberFormat="0" applyFill="0" applyAlignment="0" applyProtection="0">
      <alignment vertical="center"/>
    </xf>
    <xf numFmtId="171" fontId="37" fillId="0" borderId="30" applyNumberFormat="0" applyFill="0" applyAlignment="0" applyProtection="0">
      <alignment vertical="center"/>
    </xf>
    <xf numFmtId="171" fontId="12" fillId="0" borderId="0"/>
    <xf numFmtId="171" fontId="37" fillId="0" borderId="28" applyNumberFormat="0" applyFill="0" applyAlignment="0" applyProtection="0">
      <alignment vertical="center"/>
    </xf>
    <xf numFmtId="171" fontId="11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/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64" fontId="26" fillId="0" borderId="0" applyFont="0" applyFill="0" applyBorder="0" applyAlignment="0" applyProtection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26" fillId="0" borderId="0">
      <alignment vertical="center"/>
    </xf>
    <xf numFmtId="171" fontId="53" fillId="0" borderId="0">
      <alignment vertical="center"/>
    </xf>
    <xf numFmtId="44" fontId="26" fillId="0" borderId="0" applyFont="0" applyFill="0" applyBorder="0" applyAlignment="0" applyProtection="0"/>
  </cellStyleXfs>
  <cellXfs count="551">
    <xf numFmtId="171" fontId="0" fillId="0" borderId="0" xfId="0">
      <alignment vertical="center"/>
    </xf>
    <xf numFmtId="171" fontId="4" fillId="0" borderId="0" xfId="7" applyFont="1" applyAlignment="1">
      <alignment vertical="center"/>
    </xf>
    <xf numFmtId="171" fontId="4" fillId="0" borderId="0" xfId="0" applyFont="1" applyAlignment="1"/>
    <xf numFmtId="171" fontId="27" fillId="3" borderId="0" xfId="7" applyFont="1" applyFill="1"/>
    <xf numFmtId="171" fontId="28" fillId="3" borderId="0" xfId="7" applyFont="1" applyFill="1"/>
    <xf numFmtId="171" fontId="7" fillId="3" borderId="0" xfId="7" applyFont="1" applyFill="1"/>
    <xf numFmtId="171" fontId="4" fillId="0" borderId="0" xfId="7" applyFont="1"/>
    <xf numFmtId="171" fontId="4" fillId="0" borderId="0" xfId="7" applyFont="1" applyAlignment="1">
      <alignment horizontal="left"/>
    </xf>
    <xf numFmtId="171" fontId="4" fillId="0" borderId="0" xfId="7" applyFont="1" applyAlignment="1">
      <alignment wrapText="1"/>
    </xf>
    <xf numFmtId="171" fontId="8" fillId="4" borderId="1" xfId="0" applyFont="1" applyFill="1" applyBorder="1" applyAlignment="1">
      <alignment horizontal="center" vertical="center" wrapText="1"/>
    </xf>
    <xf numFmtId="171" fontId="8" fillId="4" borderId="2" xfId="0" applyFont="1" applyFill="1" applyBorder="1" applyAlignment="1">
      <alignment horizontal="center" vertical="center" wrapText="1"/>
    </xf>
    <xf numFmtId="171" fontId="7" fillId="2" borderId="3" xfId="0" applyFont="1" applyFill="1" applyBorder="1" applyAlignment="1">
      <alignment vertical="center"/>
    </xf>
    <xf numFmtId="171" fontId="7" fillId="2" borderId="4" xfId="0" applyFont="1" applyFill="1" applyBorder="1" applyAlignment="1">
      <alignment vertical="center"/>
    </xf>
    <xf numFmtId="171" fontId="27" fillId="0" borderId="0" xfId="7" applyFont="1" applyBorder="1" applyAlignment="1">
      <alignment vertical="center"/>
    </xf>
    <xf numFmtId="171" fontId="27" fillId="0" borderId="0" xfId="7" applyFont="1" applyBorder="1" applyAlignment="1">
      <alignment horizontal="center" vertical="center"/>
    </xf>
    <xf numFmtId="171" fontId="27" fillId="0" borderId="0" xfId="7" applyFont="1" applyBorder="1" applyAlignment="1">
      <alignment vertical="center" wrapText="1"/>
    </xf>
    <xf numFmtId="171" fontId="27" fillId="0" borderId="0" xfId="7" applyFont="1"/>
    <xf numFmtId="171" fontId="7" fillId="2" borderId="5" xfId="7" applyFont="1" applyFill="1" applyBorder="1" applyAlignment="1">
      <alignment vertical="center"/>
    </xf>
    <xf numFmtId="171" fontId="7" fillId="2" borderId="6" xfId="7" applyFont="1" applyFill="1" applyBorder="1" applyAlignment="1">
      <alignment vertical="center"/>
    </xf>
    <xf numFmtId="171" fontId="7" fillId="2" borderId="6" xfId="7" applyFont="1" applyFill="1" applyBorder="1" applyAlignment="1">
      <alignment vertical="center" wrapText="1"/>
    </xf>
    <xf numFmtId="171" fontId="28" fillId="0" borderId="15" xfId="7" applyFont="1" applyBorder="1" applyAlignment="1">
      <alignment vertical="center"/>
    </xf>
    <xf numFmtId="171" fontId="28" fillId="0" borderId="16" xfId="7" applyFont="1" applyBorder="1" applyAlignment="1">
      <alignment horizontal="center" vertical="center"/>
    </xf>
    <xf numFmtId="171" fontId="28" fillId="0" borderId="15" xfId="7" applyFont="1" applyBorder="1" applyAlignment="1">
      <alignment vertical="center" wrapText="1"/>
    </xf>
    <xf numFmtId="171" fontId="27" fillId="0" borderId="0" xfId="7" applyFont="1" applyAlignment="1">
      <alignment vertical="center" wrapText="1"/>
    </xf>
    <xf numFmtId="171" fontId="28" fillId="0" borderId="0" xfId="7" applyFont="1"/>
    <xf numFmtId="171" fontId="28" fillId="0" borderId="17" xfId="7" applyFont="1" applyBorder="1" applyAlignment="1">
      <alignment horizontal="center" vertical="center"/>
    </xf>
    <xf numFmtId="171" fontId="29" fillId="0" borderId="0" xfId="7" applyFont="1" applyBorder="1" applyAlignment="1">
      <alignment horizontal="left"/>
    </xf>
    <xf numFmtId="171" fontId="4" fillId="0" borderId="0" xfId="7" applyFont="1" applyBorder="1"/>
    <xf numFmtId="171" fontId="7" fillId="0" borderId="15" xfId="7" applyFont="1" applyBorder="1" applyAlignment="1">
      <alignment vertical="center"/>
    </xf>
    <xf numFmtId="171" fontId="7" fillId="0" borderId="16" xfId="7" applyFont="1" applyBorder="1" applyAlignment="1">
      <alignment horizontal="center" vertical="center"/>
    </xf>
    <xf numFmtId="171" fontId="7" fillId="0" borderId="15" xfId="7" applyFont="1" applyBorder="1" applyAlignment="1">
      <alignment vertical="center" wrapText="1"/>
    </xf>
    <xf numFmtId="171" fontId="30" fillId="0" borderId="0" xfId="7" applyFont="1"/>
    <xf numFmtId="171" fontId="7" fillId="0" borderId="0" xfId="7" applyFont="1"/>
    <xf numFmtId="171" fontId="7" fillId="0" borderId="17" xfId="7" applyFont="1" applyBorder="1" applyAlignment="1">
      <alignment horizontal="center" vertical="center"/>
    </xf>
    <xf numFmtId="171" fontId="7" fillId="0" borderId="0" xfId="7" applyFont="1" applyBorder="1" applyAlignment="1">
      <alignment vertical="center"/>
    </xf>
    <xf numFmtId="171" fontId="7" fillId="0" borderId="0" xfId="7" applyFont="1" applyBorder="1" applyAlignment="1">
      <alignment horizontal="center" vertical="center"/>
    </xf>
    <xf numFmtId="171" fontId="42" fillId="0" borderId="0" xfId="0" applyFont="1">
      <alignment vertical="center"/>
    </xf>
    <xf numFmtId="171" fontId="40" fillId="0" borderId="8" xfId="5" applyNumberFormat="1" applyFont="1" applyFill="1" applyBorder="1" applyAlignment="1">
      <alignment horizontal="center" vertical="center" wrapText="1"/>
    </xf>
    <xf numFmtId="3" fontId="40" fillId="0" borderId="8" xfId="5" applyNumberFormat="1" applyFont="1" applyFill="1" applyBorder="1" applyAlignment="1">
      <alignment horizontal="center" vertical="center" wrapText="1"/>
    </xf>
    <xf numFmtId="171" fontId="40" fillId="0" borderId="0" xfId="33" applyFont="1">
      <alignment vertical="center"/>
    </xf>
    <xf numFmtId="171" fontId="43" fillId="0" borderId="0" xfId="0" applyFont="1">
      <alignment vertical="center"/>
    </xf>
    <xf numFmtId="171" fontId="40" fillId="3" borderId="0" xfId="33" applyFont="1" applyFill="1">
      <alignment vertical="center"/>
    </xf>
    <xf numFmtId="171" fontId="40" fillId="3" borderId="8" xfId="7" applyFont="1" applyFill="1" applyBorder="1" applyAlignment="1">
      <alignment horizontal="center" vertical="center"/>
    </xf>
    <xf numFmtId="171" fontId="40" fillId="3" borderId="8" xfId="7" applyNumberFormat="1" applyFont="1" applyFill="1" applyBorder="1" applyAlignment="1">
      <alignment horizontal="center" vertical="center"/>
    </xf>
    <xf numFmtId="171" fontId="40" fillId="3" borderId="0" xfId="0" applyFont="1" applyFill="1">
      <alignment vertical="center"/>
    </xf>
    <xf numFmtId="171" fontId="40" fillId="3" borderId="5" xfId="7" applyFont="1" applyFill="1" applyBorder="1" applyAlignment="1">
      <alignment horizontal="center" vertical="center"/>
    </xf>
    <xf numFmtId="171" fontId="42" fillId="3" borderId="0" xfId="0" applyFont="1" applyFill="1">
      <alignment vertical="center"/>
    </xf>
    <xf numFmtId="171" fontId="42" fillId="3" borderId="0" xfId="46" applyFont="1" applyFill="1">
      <alignment vertical="center"/>
    </xf>
    <xf numFmtId="171" fontId="40" fillId="0" borderId="0" xfId="0" applyFont="1">
      <alignment vertical="center"/>
    </xf>
    <xf numFmtId="171" fontId="43" fillId="0" borderId="0" xfId="0" applyFont="1" applyAlignment="1">
      <alignment horizontal="center" vertical="center"/>
    </xf>
    <xf numFmtId="171" fontId="40" fillId="0" borderId="0" xfId="33" applyFont="1" applyAlignment="1">
      <alignment horizontal="center" vertical="center"/>
    </xf>
    <xf numFmtId="171" fontId="40" fillId="3" borderId="0" xfId="33" applyFont="1" applyFill="1" applyAlignment="1">
      <alignment horizontal="center" vertical="center"/>
    </xf>
    <xf numFmtId="171" fontId="40" fillId="3" borderId="8" xfId="7" applyFont="1" applyFill="1" applyBorder="1" applyAlignment="1">
      <alignment horizontal="center" vertical="center" wrapText="1"/>
    </xf>
    <xf numFmtId="171" fontId="40" fillId="3" borderId="8" xfId="0" applyFont="1" applyFill="1" applyBorder="1" applyAlignment="1">
      <alignment horizontal="center" vertical="center"/>
    </xf>
    <xf numFmtId="171" fontId="40" fillId="3" borderId="6" xfId="7" applyFont="1" applyFill="1" applyBorder="1" applyAlignment="1">
      <alignment horizontal="center" vertical="center" wrapText="1"/>
    </xf>
    <xf numFmtId="171" fontId="40" fillId="3" borderId="8" xfId="33" applyNumberFormat="1" applyFont="1" applyFill="1" applyBorder="1" applyAlignment="1">
      <alignment horizontal="center" vertical="center"/>
    </xf>
    <xf numFmtId="171" fontId="42" fillId="3" borderId="0" xfId="0" applyFont="1" applyFill="1" applyAlignment="1">
      <alignment horizontal="center" vertical="center"/>
    </xf>
    <xf numFmtId="171" fontId="42" fillId="3" borderId="0" xfId="46" applyFont="1" applyFill="1" applyAlignment="1">
      <alignment horizontal="center" vertical="center"/>
    </xf>
    <xf numFmtId="171" fontId="40" fillId="0" borderId="0" xfId="0" applyFont="1" applyAlignment="1">
      <alignment horizontal="center" vertical="center"/>
    </xf>
    <xf numFmtId="171" fontId="34" fillId="0" borderId="8" xfId="7" applyNumberFormat="1" applyFont="1" applyBorder="1" applyAlignment="1">
      <alignment horizontal="center" vertical="center"/>
    </xf>
    <xf numFmtId="171" fontId="42" fillId="3" borderId="0" xfId="0" applyFont="1" applyFill="1" applyAlignment="1"/>
    <xf numFmtId="171" fontId="40" fillId="0" borderId="0" xfId="48" applyFont="1">
      <alignment vertical="center"/>
    </xf>
    <xf numFmtId="171" fontId="34" fillId="3" borderId="8" xfId="49" applyFont="1" applyFill="1" applyBorder="1" applyAlignment="1">
      <alignment horizontal="center" vertical="center"/>
    </xf>
    <xf numFmtId="171" fontId="40" fillId="3" borderId="8" xfId="0" applyNumberFormat="1" applyFont="1" applyFill="1" applyBorder="1" applyAlignment="1">
      <alignment vertical="center" wrapText="1"/>
    </xf>
    <xf numFmtId="171" fontId="40" fillId="3" borderId="8" xfId="48" applyFont="1" applyFill="1" applyBorder="1">
      <alignment vertical="center"/>
    </xf>
    <xf numFmtId="171" fontId="40" fillId="3" borderId="0" xfId="48" applyFont="1" applyFill="1">
      <alignment vertical="center"/>
    </xf>
    <xf numFmtId="171" fontId="40" fillId="3" borderId="8" xfId="48" applyFont="1" applyFill="1" applyBorder="1" applyAlignment="1">
      <alignment horizontal="center" vertical="center"/>
    </xf>
    <xf numFmtId="171" fontId="40" fillId="0" borderId="0" xfId="48" applyFont="1" applyAlignment="1">
      <alignment horizontal="center" vertical="center"/>
    </xf>
    <xf numFmtId="171" fontId="34" fillId="0" borderId="0" xfId="48" applyFont="1">
      <alignment vertical="center"/>
    </xf>
    <xf numFmtId="171" fontId="42" fillId="0" borderId="8" xfId="0" applyFont="1" applyBorder="1">
      <alignment vertical="center"/>
    </xf>
    <xf numFmtId="171" fontId="41" fillId="0" borderId="0" xfId="32" applyFont="1" applyAlignment="1">
      <alignment vertical="center" wrapText="1"/>
    </xf>
    <xf numFmtId="171" fontId="34" fillId="0" borderId="8" xfId="7" applyFont="1" applyBorder="1" applyAlignment="1">
      <alignment horizontal="center" vertical="center"/>
    </xf>
    <xf numFmtId="171" fontId="34" fillId="0" borderId="0" xfId="32" applyFont="1">
      <alignment vertical="center"/>
    </xf>
    <xf numFmtId="171" fontId="40" fillId="0" borderId="0" xfId="32" applyFont="1">
      <alignment vertical="center"/>
    </xf>
    <xf numFmtId="171" fontId="40" fillId="3" borderId="0" xfId="0" applyFont="1" applyFill="1" applyAlignment="1">
      <alignment horizontal="center" vertical="center"/>
    </xf>
    <xf numFmtId="171" fontId="47" fillId="3" borderId="12" xfId="7" applyFont="1" applyFill="1" applyBorder="1" applyAlignment="1">
      <alignment horizontal="left" vertical="center" wrapText="1"/>
    </xf>
    <xf numFmtId="171" fontId="47" fillId="3" borderId="12" xfId="7" applyFont="1" applyFill="1" applyBorder="1" applyAlignment="1">
      <alignment horizontal="center" vertical="center"/>
    </xf>
    <xf numFmtId="171" fontId="47" fillId="3" borderId="8" xfId="7" applyFont="1" applyFill="1" applyBorder="1" applyAlignment="1">
      <alignment horizontal="center" vertical="center" wrapText="1"/>
    </xf>
    <xf numFmtId="49" fontId="47" fillId="3" borderId="8" xfId="7" applyNumberFormat="1" applyFont="1" applyFill="1" applyBorder="1" applyAlignment="1">
      <alignment horizontal="center" vertical="center" wrapText="1"/>
    </xf>
    <xf numFmtId="171" fontId="47" fillId="3" borderId="8" xfId="0" applyFont="1" applyFill="1" applyBorder="1" applyAlignment="1">
      <alignment horizontal="left" vertical="center"/>
    </xf>
    <xf numFmtId="171" fontId="40" fillId="3" borderId="7" xfId="7" applyFont="1" applyFill="1" applyBorder="1" applyAlignment="1">
      <alignment horizontal="center" vertical="center" wrapText="1"/>
    </xf>
    <xf numFmtId="171" fontId="47" fillId="3" borderId="8" xfId="7" applyFont="1" applyFill="1" applyBorder="1" applyAlignment="1">
      <alignment horizontal="left" vertical="center" wrapText="1"/>
    </xf>
    <xf numFmtId="171" fontId="49" fillId="3" borderId="0" xfId="7" applyFont="1" applyFill="1" applyBorder="1" applyAlignment="1">
      <alignment horizontal="center" vertical="center"/>
    </xf>
    <xf numFmtId="171" fontId="50" fillId="0" borderId="8" xfId="50" applyFont="1" applyBorder="1">
      <alignment vertical="center"/>
    </xf>
    <xf numFmtId="171" fontId="34" fillId="0" borderId="8" xfId="48" applyFont="1" applyBorder="1">
      <alignment vertical="center"/>
    </xf>
    <xf numFmtId="171" fontId="34" fillId="0" borderId="8" xfId="48" applyFont="1" applyBorder="1" applyAlignment="1">
      <alignment vertical="center" wrapText="1"/>
    </xf>
    <xf numFmtId="171" fontId="50" fillId="0" borderId="8" xfId="5" applyFont="1" applyFill="1" applyBorder="1" applyAlignment="1">
      <alignment horizontal="center" vertical="center" wrapText="1"/>
    </xf>
    <xf numFmtId="167" fontId="50" fillId="0" borderId="8" xfId="5" applyNumberFormat="1" applyFont="1" applyFill="1" applyBorder="1" applyAlignment="1">
      <alignment horizontal="center" vertical="center" wrapText="1"/>
    </xf>
    <xf numFmtId="171" fontId="51" fillId="3" borderId="8" xfId="0" applyFont="1" applyFill="1" applyBorder="1" applyAlignment="1">
      <alignment horizontal="center" vertical="center" wrapText="1"/>
    </xf>
    <xf numFmtId="171" fontId="51" fillId="0" borderId="8" xfId="0" applyFont="1" applyBorder="1" applyAlignment="1">
      <alignment horizontal="center" vertical="center" wrapText="1"/>
    </xf>
    <xf numFmtId="167" fontId="51" fillId="0" borderId="8" xfId="0" applyNumberFormat="1" applyFont="1" applyBorder="1" applyAlignment="1">
      <alignment horizontal="center" vertical="center" wrapText="1"/>
    </xf>
    <xf numFmtId="171" fontId="48" fillId="0" borderId="8" xfId="0" applyFont="1" applyBorder="1" applyAlignment="1">
      <alignment horizontal="left" vertical="center" wrapText="1"/>
    </xf>
    <xf numFmtId="171" fontId="48" fillId="0" borderId="8" xfId="0" applyFont="1" applyBorder="1" applyAlignment="1">
      <alignment vertical="center" wrapText="1"/>
    </xf>
    <xf numFmtId="171" fontId="51" fillId="0" borderId="0" xfId="46" applyFont="1">
      <alignment vertical="center"/>
    </xf>
    <xf numFmtId="171" fontId="47" fillId="0" borderId="8" xfId="51" applyFont="1" applyBorder="1" applyAlignment="1">
      <alignment horizontal="center" vertical="center" wrapText="1"/>
    </xf>
    <xf numFmtId="171" fontId="40" fillId="3" borderId="8" xfId="7" applyNumberFormat="1" applyFont="1" applyFill="1" applyBorder="1" applyAlignment="1">
      <alignment horizontal="center" vertical="center" wrapText="1"/>
    </xf>
    <xf numFmtId="171" fontId="40" fillId="3" borderId="12" xfId="33" applyFont="1" applyFill="1" applyBorder="1" applyAlignment="1">
      <alignment horizontal="center" vertical="center"/>
    </xf>
    <xf numFmtId="171" fontId="40" fillId="3" borderId="8" xfId="33" applyFont="1" applyFill="1" applyBorder="1" applyAlignment="1">
      <alignment horizontal="center" vertical="center"/>
    </xf>
    <xf numFmtId="171" fontId="41" fillId="5" borderId="8" xfId="7" applyFont="1" applyFill="1" applyBorder="1" applyAlignment="1">
      <alignment horizontal="center" vertical="center"/>
    </xf>
    <xf numFmtId="171" fontId="40" fillId="3" borderId="18" xfId="33" applyFont="1" applyFill="1" applyBorder="1" applyAlignment="1">
      <alignment horizontal="center" vertical="center"/>
    </xf>
    <xf numFmtId="171" fontId="40" fillId="3" borderId="19" xfId="33" applyFont="1" applyFill="1" applyBorder="1" applyAlignment="1">
      <alignment horizontal="center" vertical="center"/>
    </xf>
    <xf numFmtId="171" fontId="40" fillId="3" borderId="8" xfId="33" applyFont="1" applyFill="1" applyBorder="1" applyAlignment="1">
      <alignment horizontal="center" vertical="center"/>
    </xf>
    <xf numFmtId="171" fontId="40" fillId="3" borderId="12" xfId="33" applyFont="1" applyFill="1" applyBorder="1" applyAlignment="1">
      <alignment horizontal="center" vertical="center"/>
    </xf>
    <xf numFmtId="171" fontId="40" fillId="3" borderId="9" xfId="33" applyFont="1" applyFill="1" applyBorder="1" applyAlignment="1">
      <alignment horizontal="center" vertical="center"/>
    </xf>
    <xf numFmtId="171" fontId="40" fillId="3" borderId="8" xfId="7" applyNumberFormat="1" applyFont="1" applyFill="1" applyBorder="1" applyAlignment="1">
      <alignment horizontal="center" vertical="center" wrapText="1"/>
    </xf>
    <xf numFmtId="171" fontId="40" fillId="3" borderId="12" xfId="7" applyNumberFormat="1" applyFont="1" applyFill="1" applyBorder="1" applyAlignment="1">
      <alignment horizontal="center" vertical="top" wrapText="1"/>
    </xf>
    <xf numFmtId="171" fontId="40" fillId="3" borderId="9" xfId="7" applyNumberFormat="1" applyFont="1" applyFill="1" applyBorder="1" applyAlignment="1">
      <alignment horizontal="center" vertical="top" wrapText="1"/>
    </xf>
    <xf numFmtId="171" fontId="40" fillId="3" borderId="12" xfId="46" applyFont="1" applyFill="1" applyBorder="1" applyAlignment="1">
      <alignment horizontal="center" vertical="center"/>
    </xf>
    <xf numFmtId="171" fontId="40" fillId="3" borderId="9" xfId="46" applyFont="1" applyFill="1" applyBorder="1" applyAlignment="1">
      <alignment horizontal="center" vertical="center"/>
    </xf>
    <xf numFmtId="171" fontId="42" fillId="3" borderId="8" xfId="0" applyFont="1" applyFill="1" applyBorder="1" applyAlignment="1">
      <alignment horizontal="center"/>
    </xf>
    <xf numFmtId="171" fontId="40" fillId="3" borderId="8" xfId="48" applyFont="1" applyFill="1" applyBorder="1" applyAlignment="1">
      <alignment horizontal="center" vertical="center"/>
    </xf>
    <xf numFmtId="1" fontId="40" fillId="0" borderId="0" xfId="48" applyNumberFormat="1" applyFont="1">
      <alignment vertical="center"/>
    </xf>
    <xf numFmtId="1" fontId="40" fillId="3" borderId="0" xfId="48" applyNumberFormat="1" applyFont="1" applyFill="1">
      <alignment vertical="center"/>
    </xf>
    <xf numFmtId="1" fontId="34" fillId="0" borderId="0" xfId="48" applyNumberFormat="1" applyFont="1">
      <alignment vertical="center"/>
    </xf>
    <xf numFmtId="44" fontId="43" fillId="3" borderId="8" xfId="161" applyFont="1" applyFill="1" applyBorder="1" applyAlignment="1">
      <alignment horizontal="center" vertical="center"/>
    </xf>
    <xf numFmtId="171" fontId="40" fillId="6" borderId="8" xfId="7" applyFont="1" applyFill="1" applyBorder="1" applyAlignment="1">
      <alignment horizontal="center" vertical="center"/>
    </xf>
    <xf numFmtId="171" fontId="40" fillId="6" borderId="8" xfId="7" applyFont="1" applyFill="1" applyBorder="1" applyAlignment="1">
      <alignment horizontal="center" vertical="center" wrapText="1"/>
    </xf>
    <xf numFmtId="171" fontId="40" fillId="6" borderId="12" xfId="33" applyFont="1" applyFill="1" applyBorder="1" applyAlignment="1">
      <alignment horizontal="center" vertical="center"/>
    </xf>
    <xf numFmtId="171" fontId="40" fillId="6" borderId="12" xfId="7" applyFont="1" applyFill="1" applyBorder="1" applyAlignment="1">
      <alignment horizontal="center" vertical="center" wrapText="1"/>
    </xf>
    <xf numFmtId="171" fontId="40" fillId="6" borderId="8" xfId="33" applyFont="1" applyFill="1" applyBorder="1" applyAlignment="1">
      <alignment horizontal="center" vertical="center"/>
    </xf>
    <xf numFmtId="171" fontId="40" fillId="6" borderId="0" xfId="33" applyFont="1" applyFill="1" applyAlignment="1">
      <alignment horizontal="center" vertical="center"/>
    </xf>
    <xf numFmtId="171" fontId="40" fillId="0" borderId="8" xfId="7" applyFont="1" applyFill="1" applyBorder="1" applyAlignment="1">
      <alignment horizontal="center" vertical="center"/>
    </xf>
    <xf numFmtId="171" fontId="40" fillId="0" borderId="8" xfId="7" applyFont="1" applyFill="1" applyBorder="1" applyAlignment="1">
      <alignment horizontal="center" vertical="center" wrapText="1"/>
    </xf>
    <xf numFmtId="171" fontId="40" fillId="0" borderId="8" xfId="33" applyFont="1" applyFill="1" applyBorder="1" applyAlignment="1">
      <alignment horizontal="center" vertical="center"/>
    </xf>
    <xf numFmtId="171" fontId="40" fillId="0" borderId="0" xfId="33" applyFont="1" applyFill="1" applyAlignment="1">
      <alignment horizontal="center" vertical="center"/>
    </xf>
    <xf numFmtId="171" fontId="40" fillId="5" borderId="0" xfId="33" applyFont="1" applyFill="1" applyAlignment="1">
      <alignment horizontal="center" vertical="center"/>
    </xf>
    <xf numFmtId="171" fontId="34" fillId="6" borderId="8" xfId="7" applyNumberFormat="1" applyFont="1" applyFill="1" applyBorder="1" applyAlignment="1">
      <alignment horizontal="center" vertical="center"/>
    </xf>
    <xf numFmtId="171" fontId="42" fillId="0" borderId="0" xfId="46" applyFont="1" applyFill="1" applyAlignment="1">
      <alignment horizontal="center" vertical="center"/>
    </xf>
    <xf numFmtId="171" fontId="42" fillId="6" borderId="0" xfId="46" applyFont="1" applyFill="1" applyAlignment="1">
      <alignment horizontal="center" vertical="center"/>
    </xf>
    <xf numFmtId="171" fontId="43" fillId="5" borderId="20" xfId="7" applyFont="1" applyFill="1" applyBorder="1" applyAlignment="1">
      <alignment vertical="center"/>
    </xf>
    <xf numFmtId="171" fontId="43" fillId="5" borderId="11" xfId="7" applyFont="1" applyFill="1" applyBorder="1" applyAlignment="1">
      <alignment vertical="center"/>
    </xf>
    <xf numFmtId="44" fontId="43" fillId="5" borderId="6" xfId="161" applyFont="1" applyFill="1" applyBorder="1" applyAlignment="1">
      <alignment horizontal="center" vertical="center"/>
    </xf>
    <xf numFmtId="171" fontId="43" fillId="5" borderId="6" xfId="7" applyFont="1" applyFill="1" applyBorder="1" applyAlignment="1">
      <alignment horizontal="center" vertical="center"/>
    </xf>
    <xf numFmtId="171" fontId="40" fillId="3" borderId="12" xfId="0" applyFont="1" applyFill="1" applyBorder="1" applyAlignment="1">
      <alignment horizontal="center" vertical="center"/>
    </xf>
    <xf numFmtId="171" fontId="47" fillId="0" borderId="8" xfId="7" applyFont="1" applyFill="1" applyBorder="1" applyAlignment="1">
      <alignment horizontal="center" vertical="center"/>
    </xf>
    <xf numFmtId="171" fontId="47" fillId="0" borderId="8" xfId="7" applyFont="1" applyFill="1" applyBorder="1" applyAlignment="1">
      <alignment horizontal="left" vertical="center" wrapText="1"/>
    </xf>
    <xf numFmtId="171" fontId="47" fillId="0" borderId="8" xfId="7" applyFont="1" applyFill="1" applyBorder="1" applyAlignment="1">
      <alignment horizontal="center" vertical="center" wrapText="1"/>
    </xf>
    <xf numFmtId="171" fontId="47" fillId="0" borderId="12" xfId="7" applyFont="1" applyFill="1" applyBorder="1" applyAlignment="1">
      <alignment horizontal="center" vertical="center" wrapText="1"/>
    </xf>
    <xf numFmtId="171" fontId="40" fillId="3" borderId="8" xfId="0" applyFont="1" applyFill="1" applyBorder="1" applyAlignment="1">
      <alignment horizontal="center" vertical="center" wrapText="1"/>
    </xf>
    <xf numFmtId="171" fontId="40" fillId="3" borderId="9" xfId="0" applyFont="1" applyFill="1" applyBorder="1" applyAlignment="1">
      <alignment horizontal="center" vertical="center"/>
    </xf>
    <xf numFmtId="171" fontId="47" fillId="0" borderId="9" xfId="7" applyFont="1" applyFill="1" applyBorder="1" applyAlignment="1">
      <alignment horizontal="center" vertical="center" wrapText="1"/>
    </xf>
    <xf numFmtId="171" fontId="40" fillId="3" borderId="12" xfId="0" applyFont="1" applyFill="1" applyBorder="1" applyAlignment="1">
      <alignment horizontal="center" vertical="center"/>
    </xf>
    <xf numFmtId="171" fontId="47" fillId="0" borderId="12" xfId="7" applyFont="1" applyFill="1" applyBorder="1" applyAlignment="1">
      <alignment horizontal="center" vertical="center" wrapText="1"/>
    </xf>
    <xf numFmtId="171" fontId="43" fillId="5" borderId="5" xfId="7" applyFont="1" applyFill="1" applyBorder="1" applyAlignment="1">
      <alignment horizontal="center" vertical="center"/>
    </xf>
    <xf numFmtId="171" fontId="40" fillId="6" borderId="8" xfId="0" applyFont="1" applyFill="1" applyBorder="1" applyAlignment="1">
      <alignment horizontal="center" vertical="center"/>
    </xf>
    <xf numFmtId="171" fontId="40" fillId="6" borderId="8" xfId="0" applyFont="1" applyFill="1" applyBorder="1" applyAlignment="1">
      <alignment horizontal="center" vertical="center"/>
    </xf>
    <xf numFmtId="171" fontId="40" fillId="6" borderId="8" xfId="0" applyFont="1" applyFill="1" applyBorder="1" applyAlignment="1">
      <alignment horizontal="center" vertical="center" wrapText="1"/>
    </xf>
    <xf numFmtId="171" fontId="40" fillId="6" borderId="8" xfId="7" applyFont="1" applyFill="1" applyBorder="1" applyAlignment="1">
      <alignment horizontal="center" vertical="center" wrapText="1"/>
    </xf>
    <xf numFmtId="44" fontId="40" fillId="6" borderId="8" xfId="161" applyFont="1" applyFill="1" applyBorder="1" applyAlignment="1">
      <alignment horizontal="center" vertical="center"/>
    </xf>
    <xf numFmtId="171" fontId="40" fillId="6" borderId="0" xfId="0" applyFont="1" applyFill="1" applyAlignment="1">
      <alignment horizontal="center" vertical="center"/>
    </xf>
    <xf numFmtId="171" fontId="40" fillId="0" borderId="0" xfId="0" applyFont="1" applyFill="1" applyAlignment="1">
      <alignment horizontal="center" vertical="center"/>
    </xf>
    <xf numFmtId="171" fontId="40" fillId="6" borderId="12" xfId="0" applyFont="1" applyFill="1" applyBorder="1" applyAlignment="1">
      <alignment horizontal="center" vertical="center"/>
    </xf>
    <xf numFmtId="171" fontId="40" fillId="6" borderId="12" xfId="7" applyFont="1" applyFill="1" applyBorder="1" applyAlignment="1">
      <alignment horizontal="center" vertical="center" wrapText="1"/>
    </xf>
    <xf numFmtId="44" fontId="43" fillId="6" borderId="8" xfId="161" applyFont="1" applyFill="1" applyBorder="1" applyAlignment="1">
      <alignment horizontal="center" vertical="center"/>
    </xf>
    <xf numFmtId="171" fontId="40" fillId="6" borderId="9" xfId="0" applyFont="1" applyFill="1" applyBorder="1" applyAlignment="1">
      <alignment horizontal="center" vertical="center"/>
    </xf>
    <xf numFmtId="171" fontId="40" fillId="6" borderId="9" xfId="7" applyFont="1" applyFill="1" applyBorder="1" applyAlignment="1">
      <alignment horizontal="center" vertical="center" wrapText="1"/>
    </xf>
    <xf numFmtId="171" fontId="40" fillId="0" borderId="12" xfId="33" applyFont="1" applyFill="1" applyBorder="1" applyAlignment="1">
      <alignment horizontal="center" vertical="center"/>
    </xf>
    <xf numFmtId="171" fontId="40" fillId="0" borderId="8" xfId="33" applyFont="1" applyFill="1" applyBorder="1" applyAlignment="1">
      <alignment horizontal="center" vertical="center" wrapText="1"/>
    </xf>
    <xf numFmtId="171" fontId="40" fillId="0" borderId="12" xfId="7" applyFont="1" applyFill="1" applyBorder="1" applyAlignment="1">
      <alignment horizontal="center" vertical="center" wrapText="1"/>
    </xf>
    <xf numFmtId="44" fontId="43" fillId="0" borderId="8" xfId="161" applyFont="1" applyFill="1" applyBorder="1" applyAlignment="1">
      <alignment horizontal="center" vertical="center"/>
    </xf>
    <xf numFmtId="171" fontId="40" fillId="0" borderId="9" xfId="33" applyFont="1" applyFill="1" applyBorder="1" applyAlignment="1">
      <alignment horizontal="center" vertical="center"/>
    </xf>
    <xf numFmtId="171" fontId="40" fillId="0" borderId="9" xfId="7" applyFont="1" applyFill="1" applyBorder="1" applyAlignment="1">
      <alignment horizontal="center" vertical="center" wrapText="1"/>
    </xf>
    <xf numFmtId="171" fontId="40" fillId="3" borderId="8" xfId="33" applyNumberFormat="1" applyFont="1" applyFill="1" applyBorder="1" applyAlignment="1">
      <alignment horizontal="center" vertical="center" wrapText="1"/>
    </xf>
    <xf numFmtId="171" fontId="40" fillId="3" borderId="12" xfId="7" applyNumberFormat="1" applyFont="1" applyFill="1" applyBorder="1" applyAlignment="1">
      <alignment horizontal="center" vertical="center" wrapText="1"/>
    </xf>
    <xf numFmtId="171" fontId="40" fillId="3" borderId="9" xfId="7" applyNumberFormat="1" applyFont="1" applyFill="1" applyBorder="1" applyAlignment="1">
      <alignment horizontal="center" vertical="center" wrapText="1"/>
    </xf>
    <xf numFmtId="171" fontId="49" fillId="3" borderId="8" xfId="0" applyFont="1" applyFill="1" applyBorder="1" applyAlignment="1">
      <alignment horizontal="center" vertical="center" wrapText="1"/>
    </xf>
    <xf numFmtId="171" fontId="40" fillId="3" borderId="8" xfId="0" applyFont="1" applyFill="1" applyBorder="1">
      <alignment vertical="center"/>
    </xf>
    <xf numFmtId="171" fontId="47" fillId="0" borderId="8" xfId="33" applyFont="1" applyFill="1" applyBorder="1" applyAlignment="1">
      <alignment horizontal="left" vertical="center" wrapText="1"/>
    </xf>
    <xf numFmtId="171" fontId="47" fillId="0" borderId="8" xfId="7" applyFont="1" applyFill="1" applyBorder="1" applyAlignment="1">
      <alignment horizontal="left" vertical="center" wrapText="1"/>
    </xf>
    <xf numFmtId="171" fontId="40" fillId="3" borderId="8" xfId="33" applyFont="1" applyFill="1" applyBorder="1" applyAlignment="1">
      <alignment horizontal="left" vertical="center"/>
    </xf>
    <xf numFmtId="171" fontId="40" fillId="3" borderId="12" xfId="7" applyNumberFormat="1" applyFont="1" applyFill="1" applyBorder="1" applyAlignment="1">
      <alignment horizontal="center" vertical="center" wrapText="1"/>
    </xf>
    <xf numFmtId="171" fontId="40" fillId="3" borderId="12" xfId="33" applyNumberFormat="1" applyFont="1" applyFill="1" applyBorder="1" applyAlignment="1">
      <alignment horizontal="center" vertical="center" wrapText="1"/>
    </xf>
    <xf numFmtId="49" fontId="40" fillId="3" borderId="8" xfId="33" applyNumberFormat="1" applyFont="1" applyFill="1" applyBorder="1" applyAlignment="1">
      <alignment horizontal="center" vertical="center"/>
    </xf>
    <xf numFmtId="49" fontId="40" fillId="3" borderId="8" xfId="7" applyNumberFormat="1" applyFont="1" applyFill="1" applyBorder="1" applyAlignment="1">
      <alignment horizontal="center" vertical="center" wrapText="1"/>
    </xf>
    <xf numFmtId="49" fontId="40" fillId="3" borderId="8" xfId="33" applyNumberFormat="1" applyFont="1" applyFill="1" applyBorder="1" applyAlignment="1">
      <alignment horizontal="center" vertical="center" wrapText="1"/>
    </xf>
    <xf numFmtId="49" fontId="40" fillId="3" borderId="12" xfId="7" applyNumberFormat="1" applyFont="1" applyFill="1" applyBorder="1" applyAlignment="1">
      <alignment horizontal="center" vertical="center" wrapText="1"/>
    </xf>
    <xf numFmtId="49" fontId="40" fillId="3" borderId="9" xfId="7" applyNumberFormat="1" applyFont="1" applyFill="1" applyBorder="1" applyAlignment="1">
      <alignment horizontal="center" vertical="center" wrapText="1"/>
    </xf>
    <xf numFmtId="171" fontId="40" fillId="5" borderId="19" xfId="7" applyFont="1" applyFill="1" applyBorder="1" applyAlignment="1">
      <alignment horizontal="center" vertical="center"/>
    </xf>
    <xf numFmtId="171" fontId="40" fillId="5" borderId="11" xfId="7" applyFont="1" applyFill="1" applyBorder="1" applyAlignment="1">
      <alignment horizontal="center" vertical="center"/>
    </xf>
    <xf numFmtId="44" fontId="40" fillId="5" borderId="11" xfId="161" applyFont="1" applyFill="1" applyBorder="1" applyAlignment="1">
      <alignment horizontal="center" vertical="center"/>
    </xf>
    <xf numFmtId="171" fontId="40" fillId="5" borderId="11" xfId="7" applyFont="1" applyFill="1" applyBorder="1" applyAlignment="1">
      <alignment horizontal="center" vertical="center"/>
    </xf>
    <xf numFmtId="171" fontId="40" fillId="6" borderId="6" xfId="7" applyFont="1" applyFill="1" applyBorder="1" applyAlignment="1">
      <alignment horizontal="center" vertical="center" wrapText="1"/>
    </xf>
    <xf numFmtId="171" fontId="40" fillId="6" borderId="8" xfId="7" applyFont="1" applyFill="1" applyBorder="1" applyAlignment="1">
      <alignment horizontal="center" vertical="top" wrapText="1"/>
    </xf>
    <xf numFmtId="171" fontId="40" fillId="6" borderId="13" xfId="0" applyFont="1" applyFill="1" applyBorder="1" applyAlignment="1">
      <alignment horizontal="center" vertical="center"/>
    </xf>
    <xf numFmtId="171" fontId="40" fillId="3" borderId="9" xfId="7" applyFont="1" applyFill="1" applyBorder="1" applyAlignment="1">
      <alignment horizontal="center" vertical="center" wrapText="1"/>
    </xf>
    <xf numFmtId="171" fontId="40" fillId="3" borderId="22" xfId="0" applyFont="1" applyFill="1" applyBorder="1" applyAlignment="1">
      <alignment horizontal="center" vertical="center"/>
    </xf>
    <xf numFmtId="171" fontId="47" fillId="3" borderId="8" xfId="7" applyFont="1" applyFill="1" applyBorder="1" applyAlignment="1">
      <alignment horizontal="center" vertical="center"/>
    </xf>
    <xf numFmtId="171" fontId="47" fillId="3" borderId="8" xfId="7" applyFont="1" applyFill="1" applyBorder="1" applyAlignment="1">
      <alignment horizontal="left" vertical="center" wrapText="1"/>
    </xf>
    <xf numFmtId="171" fontId="40" fillId="3" borderId="10" xfId="0" applyFont="1" applyFill="1" applyBorder="1" applyAlignment="1">
      <alignment horizontal="center" vertical="center"/>
    </xf>
    <xf numFmtId="171" fontId="40" fillId="3" borderId="14" xfId="0" applyFont="1" applyFill="1" applyBorder="1" applyAlignment="1">
      <alignment horizontal="center" vertical="center"/>
    </xf>
    <xf numFmtId="171" fontId="40" fillId="3" borderId="10" xfId="0" applyFont="1" applyFill="1" applyBorder="1" applyAlignment="1">
      <alignment horizontal="center" vertical="center"/>
    </xf>
    <xf numFmtId="171" fontId="47" fillId="0" borderId="8" xfId="33" applyFont="1" applyBorder="1" applyAlignment="1">
      <alignment horizontal="left" vertical="center"/>
    </xf>
    <xf numFmtId="171" fontId="40" fillId="6" borderId="12" xfId="7" applyFont="1" applyFill="1" applyBorder="1" applyAlignment="1">
      <alignment horizontal="center" vertical="center"/>
    </xf>
    <xf numFmtId="171" fontId="40" fillId="5" borderId="5" xfId="7" applyFont="1" applyFill="1" applyBorder="1" applyAlignment="1">
      <alignment horizontal="center" vertical="center"/>
    </xf>
    <xf numFmtId="171" fontId="40" fillId="5" borderId="6" xfId="7" applyFont="1" applyFill="1" applyBorder="1" applyAlignment="1">
      <alignment horizontal="center" vertical="center"/>
    </xf>
    <xf numFmtId="44" fontId="40" fillId="5" borderId="6" xfId="161" applyFont="1" applyFill="1" applyBorder="1" applyAlignment="1">
      <alignment horizontal="center" vertical="center"/>
    </xf>
    <xf numFmtId="171" fontId="40" fillId="6" borderId="12" xfId="0" applyFont="1" applyFill="1" applyBorder="1" applyAlignment="1">
      <alignment horizontal="center" vertical="center"/>
    </xf>
    <xf numFmtId="171" fontId="40" fillId="3" borderId="6" xfId="7" applyNumberFormat="1" applyFont="1" applyFill="1" applyBorder="1" applyAlignment="1">
      <alignment horizontal="center" vertical="center" wrapText="1"/>
    </xf>
    <xf numFmtId="171" fontId="40" fillId="0" borderId="8" xfId="33" applyNumberFormat="1" applyFont="1" applyBorder="1" applyAlignment="1">
      <alignment horizontal="center" vertical="center"/>
    </xf>
    <xf numFmtId="171" fontId="40" fillId="3" borderId="13" xfId="0" applyFont="1" applyFill="1" applyBorder="1" applyAlignment="1">
      <alignment horizontal="center" vertical="center"/>
    </xf>
    <xf numFmtId="171" fontId="40" fillId="3" borderId="18" xfId="7" applyFont="1" applyFill="1" applyBorder="1" applyAlignment="1">
      <alignment horizontal="center" vertical="center"/>
    </xf>
    <xf numFmtId="171" fontId="40" fillId="0" borderId="12" xfId="33" applyFont="1" applyBorder="1" applyAlignment="1">
      <alignment horizontal="center" vertical="center"/>
    </xf>
    <xf numFmtId="171" fontId="40" fillId="0" borderId="8" xfId="7" applyNumberFormat="1" applyFont="1" applyFill="1" applyBorder="1" applyAlignment="1">
      <alignment horizontal="center" vertical="center" wrapText="1"/>
    </xf>
    <xf numFmtId="171" fontId="40" fillId="0" borderId="8" xfId="7" applyNumberFormat="1" applyFont="1" applyFill="1" applyBorder="1" applyAlignment="1">
      <alignment horizontal="center" vertical="center"/>
    </xf>
    <xf numFmtId="171" fontId="40" fillId="0" borderId="13" xfId="33" applyFont="1" applyBorder="1" applyAlignment="1">
      <alignment horizontal="center" vertical="center"/>
    </xf>
    <xf numFmtId="171" fontId="40" fillId="0" borderId="9" xfId="33" applyFont="1" applyBorder="1" applyAlignment="1">
      <alignment horizontal="center" vertical="center"/>
    </xf>
    <xf numFmtId="171" fontId="40" fillId="3" borderId="13" xfId="33" applyFont="1" applyFill="1" applyBorder="1" applyAlignment="1">
      <alignment horizontal="center" vertical="center"/>
    </xf>
    <xf numFmtId="171" fontId="40" fillId="6" borderId="9" xfId="0" applyFont="1" applyFill="1" applyBorder="1" applyAlignment="1">
      <alignment horizontal="center" vertical="center"/>
    </xf>
    <xf numFmtId="171" fontId="40" fillId="6" borderId="8" xfId="45" applyFont="1" applyFill="1" applyBorder="1" applyAlignment="1">
      <alignment horizontal="center" vertical="center"/>
    </xf>
    <xf numFmtId="171" fontId="46" fillId="3" borderId="12" xfId="7" applyFont="1" applyFill="1" applyBorder="1" applyAlignment="1">
      <alignment horizontal="center" vertical="center" wrapText="1"/>
    </xf>
    <xf numFmtId="171" fontId="40" fillId="3" borderId="8" xfId="47" applyNumberFormat="1" applyFont="1" applyFill="1" applyBorder="1" applyAlignment="1">
      <alignment horizontal="center" vertical="center"/>
    </xf>
    <xf numFmtId="171" fontId="46" fillId="3" borderId="13" xfId="7" applyFont="1" applyFill="1" applyBorder="1" applyAlignment="1">
      <alignment horizontal="center" vertical="center" wrapText="1"/>
    </xf>
    <xf numFmtId="171" fontId="40" fillId="3" borderId="9" xfId="7" applyFont="1" applyFill="1" applyBorder="1" applyAlignment="1">
      <alignment horizontal="center" vertical="center"/>
    </xf>
    <xf numFmtId="171" fontId="40" fillId="3" borderId="8" xfId="0" applyNumberFormat="1" applyFont="1" applyFill="1" applyBorder="1" applyAlignment="1">
      <alignment horizontal="center" vertical="center"/>
    </xf>
    <xf numFmtId="171" fontId="46" fillId="3" borderId="9" xfId="7" applyFont="1" applyFill="1" applyBorder="1" applyAlignment="1">
      <alignment horizontal="center" vertical="center" wrapText="1"/>
    </xf>
    <xf numFmtId="171" fontId="40" fillId="6" borderId="9" xfId="7" applyFont="1" applyFill="1" applyBorder="1" applyAlignment="1">
      <alignment horizontal="center" vertical="center"/>
    </xf>
    <xf numFmtId="171" fontId="40" fillId="6" borderId="9" xfId="7" applyFont="1" applyFill="1" applyBorder="1" applyAlignment="1">
      <alignment horizontal="center" vertical="center" wrapText="1"/>
    </xf>
    <xf numFmtId="171" fontId="40" fillId="6" borderId="9" xfId="7" applyFont="1" applyFill="1" applyBorder="1" applyAlignment="1">
      <alignment horizontal="center" vertical="center"/>
    </xf>
    <xf numFmtId="171" fontId="49" fillId="6" borderId="0" xfId="7" applyFont="1" applyFill="1" applyBorder="1" applyAlignment="1">
      <alignment horizontal="center" vertical="center"/>
    </xf>
    <xf numFmtId="171" fontId="49" fillId="0" borderId="0" xfId="7" applyFont="1" applyFill="1" applyBorder="1" applyAlignment="1">
      <alignment horizontal="center" vertical="center"/>
    </xf>
    <xf numFmtId="171" fontId="40" fillId="6" borderId="8" xfId="7" applyFont="1" applyFill="1" applyBorder="1" applyAlignment="1">
      <alignment horizontal="center" vertical="center"/>
    </xf>
    <xf numFmtId="171" fontId="40" fillId="6" borderId="14" xfId="7" applyFont="1" applyFill="1" applyBorder="1" applyAlignment="1">
      <alignment horizontal="center" vertical="center" wrapText="1"/>
    </xf>
    <xf numFmtId="171" fontId="40" fillId="6" borderId="13" xfId="7" applyFont="1" applyFill="1" applyBorder="1" applyAlignment="1">
      <alignment horizontal="center" vertical="center"/>
    </xf>
    <xf numFmtId="14" fontId="40" fillId="6" borderId="8" xfId="7" quotePrefix="1" applyNumberFormat="1" applyFont="1" applyFill="1" applyBorder="1" applyAlignment="1">
      <alignment horizontal="center" vertical="center" wrapText="1"/>
    </xf>
    <xf numFmtId="171" fontId="46" fillId="0" borderId="0" xfId="7" applyFont="1" applyFill="1" applyBorder="1" applyAlignment="1">
      <alignment horizontal="center" vertical="center"/>
    </xf>
    <xf numFmtId="171" fontId="40" fillId="6" borderId="13" xfId="7" applyFont="1" applyFill="1" applyBorder="1" applyAlignment="1">
      <alignment horizontal="center" vertical="center" wrapText="1"/>
    </xf>
    <xf numFmtId="171" fontId="40" fillId="6" borderId="13" xfId="7" applyFont="1" applyFill="1" applyBorder="1" applyAlignment="1">
      <alignment horizontal="center" vertical="center" wrapText="1"/>
    </xf>
    <xf numFmtId="49" fontId="40" fillId="6" borderId="8" xfId="7" applyNumberFormat="1" applyFont="1" applyFill="1" applyBorder="1" applyAlignment="1">
      <alignment horizontal="center" vertical="center" wrapText="1"/>
    </xf>
    <xf numFmtId="171" fontId="46" fillId="6" borderId="0" xfId="7" applyFont="1" applyFill="1" applyBorder="1" applyAlignment="1">
      <alignment horizontal="center" vertical="center"/>
    </xf>
    <xf numFmtId="171" fontId="40" fillId="3" borderId="14" xfId="7" applyFont="1" applyFill="1" applyBorder="1" applyAlignment="1">
      <alignment horizontal="center" vertical="center" wrapText="1"/>
    </xf>
    <xf numFmtId="171" fontId="40" fillId="3" borderId="12" xfId="7" applyFont="1" applyFill="1" applyBorder="1" applyAlignment="1">
      <alignment horizontal="center" vertical="center" wrapText="1"/>
    </xf>
    <xf numFmtId="171" fontId="40" fillId="3" borderId="12" xfId="7" applyFont="1" applyFill="1" applyBorder="1" applyAlignment="1">
      <alignment horizontal="center" vertical="center" wrapText="1"/>
    </xf>
    <xf numFmtId="171" fontId="40" fillId="3" borderId="8" xfId="47" applyFont="1" applyFill="1" applyBorder="1" applyAlignment="1">
      <alignment horizontal="center" vertical="center"/>
    </xf>
    <xf numFmtId="171" fontId="46" fillId="3" borderId="0" xfId="7" applyFont="1" applyFill="1" applyBorder="1" applyAlignment="1">
      <alignment horizontal="center" vertical="center"/>
    </xf>
    <xf numFmtId="171" fontId="40" fillId="3" borderId="9" xfId="7" applyFont="1" applyFill="1" applyBorder="1" applyAlignment="1">
      <alignment horizontal="center" vertical="center" wrapText="1"/>
    </xf>
    <xf numFmtId="171" fontId="40" fillId="3" borderId="12" xfId="7" applyNumberFormat="1" applyFont="1" applyFill="1" applyBorder="1" applyAlignment="1">
      <alignment horizontal="center" vertical="center"/>
    </xf>
    <xf numFmtId="171" fontId="40" fillId="0" borderId="12" xfId="45" applyNumberFormat="1" applyFont="1" applyBorder="1" applyAlignment="1">
      <alignment horizontal="center" vertical="center"/>
    </xf>
    <xf numFmtId="171" fontId="47" fillId="3" borderId="14" xfId="7" applyFont="1" applyFill="1" applyBorder="1" applyAlignment="1">
      <alignment horizontal="left" vertical="center" wrapText="1"/>
    </xf>
    <xf numFmtId="171" fontId="40" fillId="3" borderId="13" xfId="7" applyFont="1" applyFill="1" applyBorder="1" applyAlignment="1">
      <alignment horizontal="center" vertical="center" wrapText="1"/>
    </xf>
    <xf numFmtId="171" fontId="40" fillId="3" borderId="12" xfId="45" applyNumberFormat="1" applyFont="1" applyFill="1" applyBorder="1" applyAlignment="1">
      <alignment horizontal="center" vertical="center"/>
    </xf>
    <xf numFmtId="171" fontId="40" fillId="3" borderId="12" xfId="0" applyNumberFormat="1" applyFont="1" applyFill="1" applyBorder="1" applyAlignment="1">
      <alignment horizontal="center" vertical="center"/>
    </xf>
    <xf numFmtId="49" fontId="40" fillId="3" borderId="8" xfId="7" applyNumberFormat="1" applyFont="1" applyFill="1" applyBorder="1" applyAlignment="1">
      <alignment horizontal="center" vertical="center"/>
    </xf>
    <xf numFmtId="49" fontId="40" fillId="3" borderId="12" xfId="7" applyNumberFormat="1" applyFont="1" applyFill="1" applyBorder="1" applyAlignment="1">
      <alignment horizontal="center" vertical="center" wrapText="1"/>
    </xf>
    <xf numFmtId="49" fontId="40" fillId="0" borderId="8" xfId="7" applyNumberFormat="1" applyFont="1" applyFill="1" applyBorder="1" applyAlignment="1">
      <alignment horizontal="center" vertical="center" wrapText="1"/>
    </xf>
    <xf numFmtId="171" fontId="40" fillId="3" borderId="14" xfId="0" applyFont="1" applyFill="1" applyBorder="1" applyAlignment="1">
      <alignment horizontal="center" vertical="center"/>
    </xf>
    <xf numFmtId="49" fontId="40" fillId="0" borderId="8" xfId="7" applyNumberFormat="1" applyFont="1" applyFill="1" applyBorder="1" applyAlignment="1">
      <alignment horizontal="center" vertical="center"/>
    </xf>
    <xf numFmtId="49" fontId="40" fillId="0" borderId="12" xfId="7" applyNumberFormat="1" applyFont="1" applyFill="1" applyBorder="1" applyAlignment="1">
      <alignment horizontal="center" vertical="center" wrapText="1"/>
    </xf>
    <xf numFmtId="171" fontId="40" fillId="3" borderId="8" xfId="45" applyFont="1" applyFill="1" applyBorder="1" applyAlignment="1">
      <alignment horizontal="center" vertical="center"/>
    </xf>
    <xf numFmtId="171" fontId="53" fillId="3" borderId="8" xfId="7" applyFont="1" applyFill="1" applyBorder="1" applyAlignment="1">
      <alignment horizontal="center" vertical="center" wrapText="1"/>
    </xf>
    <xf numFmtId="171" fontId="47" fillId="3" borderId="12" xfId="7" applyFont="1" applyFill="1" applyBorder="1" applyAlignment="1">
      <alignment horizontal="left" vertical="center" wrapText="1"/>
    </xf>
    <xf numFmtId="171" fontId="53" fillId="3" borderId="8" xfId="0" applyFont="1" applyFill="1" applyBorder="1" applyAlignment="1">
      <alignment horizontal="center" vertical="center" wrapText="1"/>
    </xf>
    <xf numFmtId="171" fontId="47" fillId="3" borderId="9" xfId="7" applyFont="1" applyFill="1" applyBorder="1" applyAlignment="1">
      <alignment horizontal="left" vertical="center" wrapText="1"/>
    </xf>
    <xf numFmtId="171" fontId="53" fillId="3" borderId="8" xfId="0" applyFont="1" applyFill="1" applyBorder="1" applyAlignment="1">
      <alignment horizontal="center" vertical="center"/>
    </xf>
    <xf numFmtId="171" fontId="46" fillId="5" borderId="5" xfId="7" applyFont="1" applyFill="1" applyBorder="1" applyAlignment="1">
      <alignment horizontal="center" vertical="center" wrapText="1"/>
    </xf>
    <xf numFmtId="171" fontId="46" fillId="5" borderId="6" xfId="7" applyFont="1" applyFill="1" applyBorder="1" applyAlignment="1">
      <alignment horizontal="center" vertical="center" wrapText="1"/>
    </xf>
    <xf numFmtId="44" fontId="46" fillId="5" borderId="6" xfId="161" applyFont="1" applyFill="1" applyBorder="1" applyAlignment="1">
      <alignment horizontal="center" vertical="center" wrapText="1"/>
    </xf>
    <xf numFmtId="171" fontId="40" fillId="0" borderId="8" xfId="33" applyNumberFormat="1" applyFont="1" applyFill="1" applyBorder="1" applyAlignment="1">
      <alignment horizontal="center" vertical="center"/>
    </xf>
    <xf numFmtId="171" fontId="40" fillId="0" borderId="12" xfId="7" applyNumberFormat="1" applyFont="1" applyFill="1" applyBorder="1" applyAlignment="1">
      <alignment horizontal="center" vertical="center" wrapText="1"/>
    </xf>
    <xf numFmtId="171" fontId="40" fillId="0" borderId="9" xfId="7" applyNumberFormat="1" applyFont="1" applyFill="1" applyBorder="1" applyAlignment="1">
      <alignment horizontal="center" vertical="center" wrapText="1"/>
    </xf>
    <xf numFmtId="171" fontId="40" fillId="0" borderId="12" xfId="7" applyNumberFormat="1" applyFont="1" applyFill="1" applyBorder="1" applyAlignment="1">
      <alignment horizontal="center" vertical="center" wrapText="1"/>
    </xf>
    <xf numFmtId="171" fontId="40" fillId="6" borderId="7" xfId="7" applyFont="1" applyFill="1" applyBorder="1" applyAlignment="1">
      <alignment horizontal="center" vertical="center" wrapText="1"/>
    </xf>
    <xf numFmtId="49" fontId="40" fillId="6" borderId="8" xfId="7" applyNumberFormat="1" applyFont="1" applyFill="1" applyBorder="1" applyAlignment="1">
      <alignment horizontal="center" vertical="center"/>
    </xf>
    <xf numFmtId="171" fontId="42" fillId="6" borderId="0" xfId="0" applyFont="1" applyFill="1" applyAlignment="1">
      <alignment horizontal="center" vertical="center"/>
    </xf>
    <xf numFmtId="171" fontId="42" fillId="0" borderId="0" xfId="0" applyFont="1" applyFill="1" applyAlignment="1">
      <alignment horizontal="center" vertical="center"/>
    </xf>
    <xf numFmtId="171" fontId="40" fillId="6" borderId="8" xfId="7" applyNumberFormat="1" applyFont="1" applyFill="1" applyBorder="1" applyAlignment="1">
      <alignment horizontal="center" vertical="center"/>
    </xf>
    <xf numFmtId="171" fontId="40" fillId="6" borderId="14" xfId="7" applyNumberFormat="1" applyFont="1" applyFill="1" applyBorder="1" applyAlignment="1">
      <alignment horizontal="center" vertical="center" wrapText="1"/>
    </xf>
    <xf numFmtId="171" fontId="40" fillId="6" borderId="12" xfId="7" applyNumberFormat="1" applyFont="1" applyFill="1" applyBorder="1" applyAlignment="1">
      <alignment horizontal="center"/>
    </xf>
    <xf numFmtId="171" fontId="40" fillId="6" borderId="12" xfId="7" applyNumberFormat="1" applyFont="1" applyFill="1" applyBorder="1" applyAlignment="1">
      <alignment horizontal="center" vertical="center" wrapText="1"/>
    </xf>
    <xf numFmtId="171" fontId="40" fillId="6" borderId="12" xfId="7" applyNumberFormat="1" applyFont="1" applyFill="1" applyBorder="1" applyAlignment="1">
      <alignment horizontal="center" vertical="center"/>
    </xf>
    <xf numFmtId="171" fontId="40" fillId="6" borderId="8" xfId="7" applyNumberFormat="1" applyFont="1" applyFill="1" applyBorder="1" applyAlignment="1">
      <alignment horizontal="center" vertical="center" wrapText="1"/>
    </xf>
    <xf numFmtId="171" fontId="46" fillId="3" borderId="0" xfId="7" applyFont="1" applyFill="1" applyBorder="1" applyAlignment="1">
      <alignment horizontal="center" vertical="center" wrapText="1"/>
    </xf>
    <xf numFmtId="171" fontId="47" fillId="3" borderId="8" xfId="0" applyFont="1" applyFill="1" applyBorder="1">
      <alignment vertical="center"/>
    </xf>
    <xf numFmtId="171" fontId="46" fillId="3" borderId="9" xfId="7" applyFont="1" applyFill="1" applyBorder="1" applyAlignment="1">
      <alignment horizontal="center" vertical="center" wrapText="1"/>
    </xf>
    <xf numFmtId="171" fontId="40" fillId="3" borderId="12" xfId="7" applyFont="1" applyFill="1" applyBorder="1" applyAlignment="1">
      <alignment horizontal="center" vertical="center"/>
    </xf>
    <xf numFmtId="171" fontId="40" fillId="3" borderId="13" xfId="46" applyFont="1" applyFill="1" applyBorder="1" applyAlignment="1">
      <alignment horizontal="center" vertical="center"/>
    </xf>
    <xf numFmtId="171" fontId="46" fillId="3" borderId="8" xfId="7" applyFont="1" applyFill="1" applyBorder="1" applyAlignment="1">
      <alignment horizontal="center" vertical="center" wrapText="1"/>
    </xf>
    <xf numFmtId="171" fontId="54" fillId="5" borderId="5" xfId="7" applyFont="1" applyFill="1" applyBorder="1" applyAlignment="1">
      <alignment horizontal="center" vertical="center"/>
    </xf>
    <xf numFmtId="171" fontId="54" fillId="5" borderId="6" xfId="7" applyFont="1" applyFill="1" applyBorder="1" applyAlignment="1">
      <alignment horizontal="center" vertical="center"/>
    </xf>
    <xf numFmtId="44" fontId="54" fillId="5" borderId="6" xfId="161" applyFont="1" applyFill="1" applyBorder="1" applyAlignment="1">
      <alignment horizontal="center" vertical="center"/>
    </xf>
    <xf numFmtId="171" fontId="47" fillId="3" borderId="8" xfId="7" applyFont="1" applyFill="1" applyBorder="1" applyAlignment="1">
      <alignment horizontal="left" vertical="center"/>
    </xf>
    <xf numFmtId="171" fontId="43" fillId="5" borderId="25" xfId="7" applyFont="1" applyFill="1" applyBorder="1" applyAlignment="1">
      <alignment horizontal="center" vertical="center"/>
    </xf>
    <xf numFmtId="171" fontId="43" fillId="5" borderId="21" xfId="7" applyFont="1" applyFill="1" applyBorder="1" applyAlignment="1">
      <alignment horizontal="center" vertical="center"/>
    </xf>
    <xf numFmtId="44" fontId="43" fillId="5" borderId="21" xfId="161" applyFont="1" applyFill="1" applyBorder="1" applyAlignment="1">
      <alignment horizontal="center" vertical="center"/>
    </xf>
    <xf numFmtId="171" fontId="55" fillId="6" borderId="8" xfId="0" applyFont="1" applyFill="1" applyBorder="1" applyAlignment="1">
      <alignment horizontal="center" vertical="center" wrapText="1"/>
    </xf>
    <xf numFmtId="171" fontId="40" fillId="3" borderId="8" xfId="7" applyNumberFormat="1" applyFont="1" applyFill="1" applyBorder="1" applyAlignment="1">
      <alignment horizontal="center"/>
    </xf>
    <xf numFmtId="171" fontId="40" fillId="3" borderId="12" xfId="7" applyNumberFormat="1" applyFont="1" applyFill="1" applyBorder="1" applyAlignment="1">
      <alignment horizontal="center"/>
    </xf>
    <xf numFmtId="171" fontId="40" fillId="3" borderId="9" xfId="7" applyNumberFormat="1" applyFont="1" applyFill="1" applyBorder="1" applyAlignment="1">
      <alignment horizontal="center"/>
    </xf>
    <xf numFmtId="49" fontId="40" fillId="3" borderId="8" xfId="46" applyNumberFormat="1" applyFont="1" applyFill="1" applyBorder="1" applyAlignment="1">
      <alignment horizontal="center" vertical="center" wrapText="1"/>
    </xf>
    <xf numFmtId="49" fontId="40" fillId="3" borderId="8" xfId="46" applyNumberFormat="1" applyFont="1" applyFill="1" applyBorder="1" applyAlignment="1">
      <alignment horizontal="center" vertical="center"/>
    </xf>
    <xf numFmtId="171" fontId="40" fillId="3" borderId="8" xfId="46" applyFont="1" applyFill="1" applyBorder="1" applyAlignment="1">
      <alignment horizontal="center" vertical="center"/>
    </xf>
    <xf numFmtId="44" fontId="40" fillId="0" borderId="0" xfId="161" applyFont="1" applyAlignment="1">
      <alignment horizontal="center" vertical="center"/>
    </xf>
    <xf numFmtId="171" fontId="42" fillId="0" borderId="0" xfId="0" applyFont="1" applyFill="1">
      <alignment vertical="center"/>
    </xf>
    <xf numFmtId="171" fontId="42" fillId="5" borderId="0" xfId="0" applyFont="1" applyFill="1">
      <alignment vertical="center"/>
    </xf>
    <xf numFmtId="171" fontId="40" fillId="0" borderId="8" xfId="7" applyFont="1" applyFill="1" applyBorder="1" applyAlignment="1">
      <alignment horizontal="left" vertical="center"/>
    </xf>
    <xf numFmtId="171" fontId="40" fillId="0" borderId="8" xfId="7" applyFont="1" applyFill="1" applyBorder="1" applyAlignment="1">
      <alignment horizontal="left" vertical="center" wrapText="1"/>
    </xf>
    <xf numFmtId="171" fontId="40" fillId="0" borderId="8" xfId="7" applyFont="1" applyFill="1" applyBorder="1" applyAlignment="1">
      <alignment vertical="center" wrapText="1"/>
    </xf>
    <xf numFmtId="171" fontId="42" fillId="0" borderId="0" xfId="46" applyFont="1" applyFill="1">
      <alignment vertical="center"/>
    </xf>
    <xf numFmtId="171" fontId="40" fillId="6" borderId="7" xfId="7" applyFont="1" applyFill="1" applyBorder="1" applyAlignment="1">
      <alignment horizontal="left" vertical="center" wrapText="1"/>
    </xf>
    <xf numFmtId="171" fontId="40" fillId="6" borderId="8" xfId="7" applyFont="1" applyFill="1" applyBorder="1" applyAlignment="1">
      <alignment horizontal="left" vertical="center"/>
    </xf>
    <xf numFmtId="171" fontId="40" fillId="6" borderId="8" xfId="7" applyFont="1" applyFill="1" applyBorder="1" applyAlignment="1">
      <alignment horizontal="left" vertical="center" wrapText="1"/>
    </xf>
    <xf numFmtId="171" fontId="40" fillId="6" borderId="8" xfId="7" applyFont="1" applyFill="1" applyBorder="1" applyAlignment="1">
      <alignment vertical="center" wrapText="1"/>
    </xf>
    <xf numFmtId="171" fontId="40" fillId="6" borderId="8" xfId="0" applyFont="1" applyFill="1" applyBorder="1">
      <alignment vertical="center"/>
    </xf>
    <xf numFmtId="171" fontId="43" fillId="6" borderId="11" xfId="0" applyFont="1" applyFill="1" applyBorder="1" applyAlignment="1">
      <alignment vertical="center"/>
    </xf>
    <xf numFmtId="171" fontId="40" fillId="0" borderId="6" xfId="7" applyFont="1" applyFill="1" applyBorder="1" applyAlignment="1">
      <alignment horizontal="center" vertical="center" wrapText="1"/>
    </xf>
    <xf numFmtId="171" fontId="40" fillId="0" borderId="12" xfId="7" applyFont="1" applyFill="1" applyBorder="1" applyAlignment="1">
      <alignment horizontal="center" vertical="center"/>
    </xf>
    <xf numFmtId="49" fontId="40" fillId="0" borderId="8" xfId="7" applyNumberFormat="1" applyFont="1" applyFill="1" applyBorder="1" applyAlignment="1">
      <alignment horizontal="left" vertical="center" wrapText="1"/>
    </xf>
    <xf numFmtId="49" fontId="40" fillId="0" borderId="8" xfId="7" applyNumberFormat="1" applyFont="1" applyFill="1" applyBorder="1" applyAlignment="1">
      <alignment vertical="center" wrapText="1"/>
    </xf>
    <xf numFmtId="171" fontId="40" fillId="0" borderId="12" xfId="7" applyFont="1" applyFill="1" applyBorder="1" applyAlignment="1">
      <alignment horizontal="center" vertical="center"/>
    </xf>
    <xf numFmtId="171" fontId="40" fillId="0" borderId="8" xfId="7" applyNumberFormat="1" applyFont="1" applyFill="1" applyBorder="1" applyAlignment="1">
      <alignment horizontal="left" vertical="center"/>
    </xf>
    <xf numFmtId="171" fontId="40" fillId="0" borderId="8" xfId="7" applyNumberFormat="1" applyFont="1" applyFill="1" applyBorder="1" applyAlignment="1">
      <alignment horizontal="left" vertical="center" wrapText="1"/>
    </xf>
    <xf numFmtId="171" fontId="40" fillId="0" borderId="8" xfId="7" applyNumberFormat="1" applyFont="1" applyFill="1" applyBorder="1" applyAlignment="1">
      <alignment vertical="center" wrapText="1"/>
    </xf>
    <xf numFmtId="171" fontId="40" fillId="0" borderId="9" xfId="7" applyFont="1" applyFill="1" applyBorder="1" applyAlignment="1">
      <alignment horizontal="center" vertical="center"/>
    </xf>
    <xf numFmtId="171" fontId="40" fillId="3" borderId="7" xfId="7" applyFont="1" applyFill="1" applyBorder="1" applyAlignment="1">
      <alignment horizontal="left" vertical="center" wrapText="1"/>
    </xf>
    <xf numFmtId="171" fontId="40" fillId="3" borderId="12" xfId="7" applyFont="1" applyFill="1" applyBorder="1" applyAlignment="1">
      <alignment horizontal="center" vertical="center"/>
    </xf>
    <xf numFmtId="171" fontId="40" fillId="3" borderId="8" xfId="7" applyNumberFormat="1" applyFont="1" applyFill="1" applyBorder="1" applyAlignment="1">
      <alignment horizontal="left" vertical="center"/>
    </xf>
    <xf numFmtId="171" fontId="40" fillId="3" borderId="8" xfId="7" applyNumberFormat="1" applyFont="1" applyFill="1" applyBorder="1" applyAlignment="1">
      <alignment horizontal="left" vertical="center" wrapText="1"/>
    </xf>
    <xf numFmtId="171" fontId="40" fillId="3" borderId="9" xfId="7" applyFont="1" applyFill="1" applyBorder="1" applyAlignment="1">
      <alignment horizontal="center" vertical="center"/>
    </xf>
    <xf numFmtId="171" fontId="40" fillId="6" borderId="12" xfId="7" applyFont="1" applyFill="1" applyBorder="1" applyAlignment="1">
      <alignment horizontal="center" vertical="center"/>
    </xf>
    <xf numFmtId="171" fontId="40" fillId="6" borderId="10" xfId="7" applyFont="1" applyFill="1" applyBorder="1" applyAlignment="1">
      <alignment horizontal="left" vertical="center" wrapText="1"/>
    </xf>
    <xf numFmtId="171" fontId="40" fillId="6" borderId="12" xfId="7" applyFont="1" applyFill="1" applyBorder="1" applyAlignment="1">
      <alignment vertical="center" wrapText="1"/>
    </xf>
    <xf numFmtId="171" fontId="40" fillId="6" borderId="9" xfId="7" applyFont="1" applyFill="1" applyBorder="1" applyAlignment="1">
      <alignment horizontal="left" vertical="center" wrapText="1"/>
    </xf>
    <xf numFmtId="171" fontId="40" fillId="6" borderId="9" xfId="7" applyFont="1" applyFill="1" applyBorder="1" applyAlignment="1">
      <alignment horizontal="left" vertical="center"/>
    </xf>
    <xf numFmtId="49" fontId="40" fillId="6" borderId="9" xfId="7" applyNumberFormat="1" applyFont="1" applyFill="1" applyBorder="1" applyAlignment="1">
      <alignment horizontal="center" vertical="center"/>
    </xf>
    <xf numFmtId="171" fontId="40" fillId="6" borderId="9" xfId="7" quotePrefix="1" applyFont="1" applyFill="1" applyBorder="1" applyAlignment="1">
      <alignment horizontal="center" vertical="center" wrapText="1"/>
    </xf>
    <xf numFmtId="171" fontId="40" fillId="3" borderId="24" xfId="0" applyFont="1" applyFill="1" applyBorder="1" applyAlignment="1">
      <alignment horizontal="left" vertical="center" wrapText="1" readingOrder="1"/>
    </xf>
    <xf numFmtId="171" fontId="40" fillId="3" borderId="8" xfId="7" applyNumberFormat="1" applyFont="1" applyFill="1" applyBorder="1" applyAlignment="1">
      <alignment vertical="center" wrapText="1"/>
    </xf>
    <xf numFmtId="171" fontId="40" fillId="3" borderId="8" xfId="46" applyNumberFormat="1" applyFont="1" applyFill="1" applyBorder="1">
      <alignment vertical="center"/>
    </xf>
    <xf numFmtId="171" fontId="53" fillId="3" borderId="8" xfId="46" applyFont="1" applyFill="1" applyBorder="1">
      <alignment vertical="center"/>
    </xf>
    <xf numFmtId="171" fontId="53" fillId="3" borderId="12" xfId="46" applyFont="1" applyFill="1" applyBorder="1" applyAlignment="1">
      <alignment horizontal="center" vertical="center"/>
    </xf>
    <xf numFmtId="49" fontId="47" fillId="3" borderId="8" xfId="7" applyNumberFormat="1" applyFont="1" applyFill="1" applyBorder="1" applyAlignment="1">
      <alignment horizontal="center" vertical="center"/>
    </xf>
    <xf numFmtId="171" fontId="47" fillId="3" borderId="8" xfId="7" applyFont="1" applyFill="1" applyBorder="1" applyAlignment="1">
      <alignment vertical="center" wrapText="1"/>
    </xf>
    <xf numFmtId="171" fontId="53" fillId="3" borderId="9" xfId="46" applyFont="1" applyFill="1" applyBorder="1" applyAlignment="1">
      <alignment horizontal="center" vertical="center"/>
    </xf>
    <xf numFmtId="171" fontId="40" fillId="3" borderId="8" xfId="7" quotePrefix="1" applyNumberFormat="1" applyFont="1" applyFill="1" applyBorder="1" applyAlignment="1">
      <alignment horizontal="center" vertical="center" wrapText="1"/>
    </xf>
    <xf numFmtId="171" fontId="40" fillId="3" borderId="9" xfId="7" applyFont="1" applyFill="1" applyBorder="1" applyAlignment="1"/>
    <xf numFmtId="171" fontId="40" fillId="3" borderId="8" xfId="7" applyFont="1" applyFill="1" applyBorder="1" applyAlignment="1">
      <alignment horizontal="left" vertical="center" wrapText="1"/>
    </xf>
    <xf numFmtId="171" fontId="40" fillId="3" borderId="8" xfId="7" applyFont="1" applyFill="1" applyBorder="1" applyAlignment="1">
      <alignment horizontal="left" vertical="center"/>
    </xf>
    <xf numFmtId="171" fontId="40" fillId="3" borderId="8" xfId="7" applyFont="1" applyFill="1" applyBorder="1" applyAlignment="1">
      <alignment vertical="center" wrapText="1"/>
    </xf>
    <xf numFmtId="171" fontId="40" fillId="6" borderId="8" xfId="7" applyFont="1" applyFill="1" applyBorder="1" applyAlignment="1">
      <alignment vertical="top" wrapText="1"/>
    </xf>
    <xf numFmtId="171" fontId="40" fillId="3" borderId="8" xfId="0" applyFont="1" applyFill="1" applyBorder="1" applyAlignment="1">
      <alignment horizontal="left" vertical="center"/>
    </xf>
    <xf numFmtId="171" fontId="40" fillId="6" borderId="8" xfId="0" applyFont="1" applyFill="1" applyBorder="1" applyAlignment="1">
      <alignment vertical="center" wrapText="1"/>
    </xf>
    <xf numFmtId="171" fontId="40" fillId="6" borderId="9" xfId="7" applyFont="1" applyFill="1" applyBorder="1" applyAlignment="1">
      <alignment vertical="center" wrapText="1"/>
    </xf>
    <xf numFmtId="171" fontId="40" fillId="3" borderId="14" xfId="7" applyFont="1" applyFill="1" applyBorder="1" applyAlignment="1">
      <alignment horizontal="center" vertical="center" wrapText="1"/>
    </xf>
    <xf numFmtId="171" fontId="40" fillId="3" borderId="8" xfId="46" applyNumberFormat="1" applyFont="1" applyFill="1" applyBorder="1" applyAlignment="1">
      <alignment vertical="center" wrapText="1"/>
    </xf>
    <xf numFmtId="171" fontId="40" fillId="3" borderId="23" xfId="0" applyFont="1" applyFill="1" applyBorder="1" applyAlignment="1">
      <alignment horizontal="left" vertical="center" wrapText="1" readingOrder="1"/>
    </xf>
    <xf numFmtId="171" fontId="40" fillId="3" borderId="22" xfId="7" applyFont="1" applyFill="1" applyBorder="1" applyAlignment="1">
      <alignment horizontal="center" vertical="center" wrapText="1"/>
    </xf>
    <xf numFmtId="171" fontId="40" fillId="3" borderId="7" xfId="0" applyFont="1" applyFill="1" applyBorder="1">
      <alignment vertical="center"/>
    </xf>
    <xf numFmtId="171" fontId="40" fillId="3" borderId="10" xfId="7" applyFont="1" applyFill="1" applyBorder="1" applyAlignment="1">
      <alignment horizontal="center" vertical="center" wrapText="1"/>
    </xf>
    <xf numFmtId="171" fontId="40" fillId="6" borderId="12" xfId="0" applyFont="1" applyFill="1" applyBorder="1" applyAlignment="1">
      <alignment vertical="center"/>
    </xf>
    <xf numFmtId="171" fontId="40" fillId="6" borderId="8" xfId="7" applyNumberFormat="1" applyFont="1" applyFill="1" applyBorder="1" applyAlignment="1">
      <alignment horizontal="left" vertical="center"/>
    </xf>
    <xf numFmtId="171" fontId="40" fillId="6" borderId="8" xfId="46" applyNumberFormat="1" applyFont="1" applyFill="1" applyBorder="1">
      <alignment vertical="center"/>
    </xf>
    <xf numFmtId="171" fontId="40" fillId="6" borderId="8" xfId="7" quotePrefix="1" applyNumberFormat="1" applyFont="1" applyFill="1" applyBorder="1" applyAlignment="1">
      <alignment horizontal="center" vertical="center" wrapText="1"/>
    </xf>
    <xf numFmtId="171" fontId="40" fillId="6" borderId="8" xfId="46" applyNumberFormat="1" applyFont="1" applyFill="1" applyBorder="1" applyAlignment="1">
      <alignment vertical="center" wrapText="1"/>
    </xf>
    <xf numFmtId="171" fontId="40" fillId="6" borderId="8" xfId="7" applyNumberFormat="1" applyFont="1" applyFill="1" applyBorder="1" applyAlignment="1">
      <alignment horizontal="left" vertical="center" wrapText="1"/>
    </xf>
    <xf numFmtId="171" fontId="40" fillId="3" borderId="26" xfId="0" applyFont="1" applyFill="1" applyBorder="1" applyAlignment="1">
      <alignment horizontal="left" vertical="center" wrapText="1" readingOrder="1"/>
    </xf>
    <xf numFmtId="171" fontId="42" fillId="3" borderId="8" xfId="0" applyFont="1" applyFill="1" applyBorder="1" applyAlignment="1">
      <alignment horizontal="center" vertical="center"/>
    </xf>
    <xf numFmtId="171" fontId="43" fillId="5" borderId="25" xfId="7" applyFont="1" applyFill="1" applyBorder="1" applyAlignment="1">
      <alignment vertical="center"/>
    </xf>
    <xf numFmtId="171" fontId="43" fillId="5" borderId="21" xfId="7" applyFont="1" applyFill="1" applyBorder="1" applyAlignment="1">
      <alignment vertical="center"/>
    </xf>
    <xf numFmtId="171" fontId="40" fillId="0" borderId="8" xfId="46" applyNumberFormat="1" applyFont="1" applyBorder="1" applyAlignment="1">
      <alignment vertical="center" wrapText="1"/>
    </xf>
    <xf numFmtId="171" fontId="40" fillId="0" borderId="8" xfId="46" applyNumberFormat="1" applyFont="1" applyBorder="1">
      <alignment vertical="center"/>
    </xf>
    <xf numFmtId="171" fontId="42" fillId="0" borderId="8" xfId="0" applyFont="1" applyBorder="1" applyAlignment="1">
      <alignment horizontal="center" vertical="center"/>
    </xf>
    <xf numFmtId="171" fontId="42" fillId="0" borderId="0" xfId="0" applyFont="1" applyAlignment="1">
      <alignment horizontal="center" vertical="center"/>
    </xf>
    <xf numFmtId="171" fontId="56" fillId="6" borderId="0" xfId="0" applyFont="1" applyFill="1">
      <alignment vertical="center"/>
    </xf>
    <xf numFmtId="171" fontId="56" fillId="3" borderId="0" xfId="0" applyFont="1" applyFill="1">
      <alignment vertical="center"/>
    </xf>
    <xf numFmtId="171" fontId="56" fillId="3" borderId="0" xfId="46" applyFont="1" applyFill="1">
      <alignment vertical="center"/>
    </xf>
    <xf numFmtId="171" fontId="56" fillId="6" borderId="0" xfId="46" applyFont="1" applyFill="1">
      <alignment vertical="center"/>
    </xf>
    <xf numFmtId="171" fontId="43" fillId="3" borderId="0" xfId="0" applyFont="1" applyFill="1">
      <alignment vertical="center"/>
    </xf>
    <xf numFmtId="171" fontId="56" fillId="0" borderId="0" xfId="0" applyFont="1">
      <alignment vertical="center"/>
    </xf>
    <xf numFmtId="171" fontId="40" fillId="5" borderId="8" xfId="7" applyFont="1" applyFill="1" applyBorder="1" applyAlignment="1">
      <alignment vertical="center"/>
    </xf>
    <xf numFmtId="171" fontId="40" fillId="5" borderId="8" xfId="7" applyFont="1" applyFill="1" applyBorder="1" applyAlignment="1">
      <alignment horizontal="center" vertical="center"/>
    </xf>
    <xf numFmtId="171" fontId="40" fillId="0" borderId="8" xfId="7" applyFont="1" applyFill="1" applyBorder="1" applyAlignment="1">
      <alignment vertical="center"/>
    </xf>
    <xf numFmtId="171" fontId="40" fillId="6" borderId="8" xfId="7" applyFont="1" applyFill="1" applyBorder="1" applyAlignment="1">
      <alignment vertical="center"/>
    </xf>
    <xf numFmtId="167" fontId="40" fillId="6" borderId="8" xfId="7" applyNumberFormat="1" applyFont="1" applyFill="1" applyBorder="1" applyAlignment="1">
      <alignment horizontal="center" vertical="center"/>
    </xf>
    <xf numFmtId="167" fontId="40" fillId="6" borderId="8" xfId="7" applyNumberFormat="1" applyFont="1" applyFill="1" applyBorder="1" applyAlignment="1">
      <alignment horizontal="center" vertical="center" wrapText="1"/>
    </xf>
    <xf numFmtId="169" fontId="40" fillId="6" borderId="8" xfId="7" applyNumberFormat="1" applyFont="1" applyFill="1" applyBorder="1" applyAlignment="1">
      <alignment horizontal="center" vertical="center"/>
    </xf>
    <xf numFmtId="171" fontId="40" fillId="0" borderId="0" xfId="7" applyFont="1"/>
    <xf numFmtId="171" fontId="40" fillId="5" borderId="18" xfId="7" applyFont="1" applyFill="1" applyBorder="1" applyAlignment="1">
      <alignment horizontal="left" vertical="center"/>
    </xf>
    <xf numFmtId="171" fontId="40" fillId="5" borderId="21" xfId="7" applyFont="1" applyFill="1" applyBorder="1" applyAlignment="1">
      <alignment horizontal="left" vertical="center"/>
    </xf>
    <xf numFmtId="171" fontId="40" fillId="0" borderId="0" xfId="7" applyFont="1" applyFill="1"/>
    <xf numFmtId="171" fontId="40" fillId="6" borderId="8" xfId="7" applyNumberFormat="1" applyFont="1" applyFill="1" applyBorder="1" applyAlignment="1">
      <alignment vertical="center"/>
    </xf>
    <xf numFmtId="171" fontId="40" fillId="6" borderId="12" xfId="7" applyNumberFormat="1" applyFont="1" applyFill="1" applyBorder="1" applyAlignment="1">
      <alignment horizontal="center" vertical="center"/>
    </xf>
    <xf numFmtId="171" fontId="40" fillId="6" borderId="8" xfId="7" applyNumberFormat="1" applyFont="1" applyFill="1" applyBorder="1" applyAlignment="1">
      <alignment vertical="center" wrapText="1"/>
    </xf>
    <xf numFmtId="171" fontId="40" fillId="0" borderId="0" xfId="7" applyNumberFormat="1" applyFont="1" applyFill="1"/>
    <xf numFmtId="171" fontId="40" fillId="6" borderId="9" xfId="7" applyNumberFormat="1" applyFont="1" applyFill="1" applyBorder="1" applyAlignment="1">
      <alignment horizontal="center" vertical="center"/>
    </xf>
    <xf numFmtId="171" fontId="40" fillId="6" borderId="9" xfId="7" applyNumberFormat="1" applyFont="1" applyFill="1" applyBorder="1" applyAlignment="1">
      <alignment horizontal="center" vertical="center"/>
    </xf>
    <xf numFmtId="171" fontId="40" fillId="6" borderId="13" xfId="7" applyNumberFormat="1" applyFont="1" applyFill="1" applyBorder="1" applyAlignment="1">
      <alignment horizontal="center" vertical="center"/>
    </xf>
    <xf numFmtId="171" fontId="47" fillId="6" borderId="8" xfId="7" applyFont="1" applyFill="1" applyBorder="1" applyAlignment="1">
      <alignment vertical="center"/>
    </xf>
    <xf numFmtId="171" fontId="47" fillId="6" borderId="8" xfId="7" applyFont="1" applyFill="1" applyBorder="1" applyAlignment="1">
      <alignment vertical="center" wrapText="1"/>
    </xf>
    <xf numFmtId="169" fontId="47" fillId="6" borderId="8" xfId="7" applyNumberFormat="1" applyFont="1" applyFill="1" applyBorder="1" applyAlignment="1">
      <alignment horizontal="center" vertical="center"/>
    </xf>
    <xf numFmtId="171" fontId="47" fillId="6" borderId="8" xfId="7" applyFont="1" applyFill="1" applyBorder="1" applyAlignment="1">
      <alignment horizontal="center" vertical="center"/>
    </xf>
    <xf numFmtId="171" fontId="40" fillId="3" borderId="0" xfId="7" applyNumberFormat="1" applyFont="1" applyFill="1"/>
    <xf numFmtId="171" fontId="40" fillId="3" borderId="8" xfId="7" applyFont="1" applyFill="1" applyBorder="1" applyAlignment="1">
      <alignment vertical="center"/>
    </xf>
    <xf numFmtId="171" fontId="40" fillId="0" borderId="8" xfId="7" applyNumberFormat="1" applyFont="1" applyBorder="1" applyAlignment="1">
      <alignment vertical="center"/>
    </xf>
    <xf numFmtId="167" fontId="40" fillId="0" borderId="8" xfId="7" applyNumberFormat="1" applyFont="1" applyBorder="1" applyAlignment="1">
      <alignment horizontal="center" vertical="center"/>
    </xf>
    <xf numFmtId="167" fontId="40" fillId="0" borderId="8" xfId="7" applyNumberFormat="1" applyFont="1" applyBorder="1" applyAlignment="1">
      <alignment horizontal="center" vertical="center" wrapText="1"/>
    </xf>
    <xf numFmtId="171" fontId="40" fillId="0" borderId="8" xfId="7" applyNumberFormat="1" applyFont="1" applyBorder="1" applyAlignment="1">
      <alignment vertical="center" wrapText="1"/>
    </xf>
    <xf numFmtId="171" fontId="40" fillId="0" borderId="8" xfId="7" applyNumberFormat="1" applyFont="1" applyBorder="1" applyAlignment="1">
      <alignment horizontal="center" vertical="center"/>
    </xf>
    <xf numFmtId="167" fontId="43" fillId="3" borderId="8" xfId="7" applyNumberFormat="1" applyFont="1" applyFill="1" applyBorder="1" applyAlignment="1">
      <alignment horizontal="center" vertical="center" wrapText="1"/>
    </xf>
    <xf numFmtId="169" fontId="40" fillId="3" borderId="8" xfId="7" applyNumberFormat="1" applyFont="1" applyFill="1" applyBorder="1" applyAlignment="1">
      <alignment horizontal="center" vertical="center"/>
    </xf>
    <xf numFmtId="167" fontId="40" fillId="3" borderId="8" xfId="7" applyNumberFormat="1" applyFont="1" applyFill="1" applyBorder="1" applyAlignment="1">
      <alignment horizontal="center" vertical="center"/>
    </xf>
    <xf numFmtId="167" fontId="40" fillId="3" borderId="8" xfId="7" applyNumberFormat="1" applyFont="1" applyFill="1" applyBorder="1" applyAlignment="1">
      <alignment horizontal="center" vertical="center" wrapText="1"/>
    </xf>
    <xf numFmtId="171" fontId="40" fillId="3" borderId="0" xfId="7" applyFont="1" applyFill="1"/>
    <xf numFmtId="171" fontId="43" fillId="3" borderId="13" xfId="7" applyFont="1" applyFill="1" applyBorder="1" applyAlignment="1">
      <alignment horizontal="center" vertical="center"/>
    </xf>
    <xf numFmtId="14" fontId="40" fillId="0" borderId="8" xfId="7" quotePrefix="1" applyNumberFormat="1" applyFont="1" applyFill="1" applyBorder="1" applyAlignment="1">
      <alignment horizontal="center" vertical="center"/>
    </xf>
    <xf numFmtId="171" fontId="40" fillId="3" borderId="8" xfId="7" applyNumberFormat="1" applyFont="1" applyFill="1" applyBorder="1" applyAlignment="1">
      <alignment vertical="center"/>
    </xf>
    <xf numFmtId="171" fontId="40" fillId="3" borderId="13" xfId="7" applyFont="1" applyFill="1" applyBorder="1" applyAlignment="1">
      <alignment horizontal="center" vertical="center"/>
    </xf>
    <xf numFmtId="14" fontId="40" fillId="6" borderId="8" xfId="7" quotePrefix="1" applyNumberFormat="1" applyFont="1" applyFill="1" applyBorder="1" applyAlignment="1">
      <alignment horizontal="center" vertical="center"/>
    </xf>
    <xf numFmtId="49" fontId="40" fillId="0" borderId="8" xfId="7" applyNumberFormat="1" applyFont="1" applyBorder="1" applyAlignment="1">
      <alignment horizontal="left" vertical="center"/>
    </xf>
    <xf numFmtId="49" fontId="40" fillId="0" borderId="8" xfId="7" applyNumberFormat="1" applyFont="1" applyBorder="1" applyAlignment="1">
      <alignment horizontal="center" vertical="center"/>
    </xf>
    <xf numFmtId="49" fontId="40" fillId="0" borderId="8" xfId="7" applyNumberFormat="1" applyFont="1" applyBorder="1" applyAlignment="1">
      <alignment horizontal="center" vertical="center" wrapText="1"/>
    </xf>
    <xf numFmtId="49" fontId="40" fillId="0" borderId="8" xfId="7" applyNumberFormat="1" applyFont="1" applyBorder="1" applyAlignment="1">
      <alignment vertical="center"/>
    </xf>
    <xf numFmtId="49" fontId="40" fillId="0" borderId="8" xfId="7" applyNumberFormat="1" applyFont="1" applyBorder="1" applyAlignment="1">
      <alignment vertical="center" wrapText="1"/>
    </xf>
    <xf numFmtId="49" fontId="40" fillId="0" borderId="8" xfId="7" quotePrefix="1" applyNumberFormat="1" applyFont="1" applyBorder="1" applyAlignment="1">
      <alignment horizontal="center" vertical="center"/>
    </xf>
    <xf numFmtId="171" fontId="40" fillId="3" borderId="8" xfId="7" applyFont="1" applyFill="1" applyBorder="1" applyAlignment="1">
      <alignment horizontal="center" vertical="center"/>
    </xf>
    <xf numFmtId="171" fontId="40" fillId="3" borderId="8" xfId="7" quotePrefix="1" applyFont="1" applyFill="1" applyBorder="1" applyAlignment="1">
      <alignment horizontal="center" vertical="center"/>
    </xf>
    <xf numFmtId="49" fontId="40" fillId="3" borderId="8" xfId="7" applyNumberFormat="1" applyFont="1" applyFill="1" applyBorder="1" applyAlignment="1">
      <alignment vertical="center"/>
    </xf>
    <xf numFmtId="171" fontId="40" fillId="0" borderId="8" xfId="7" applyNumberFormat="1" applyFont="1" applyFill="1" applyBorder="1" applyAlignment="1">
      <alignment vertical="center"/>
    </xf>
    <xf numFmtId="171" fontId="40" fillId="5" borderId="19" xfId="7" applyFont="1" applyFill="1" applyBorder="1" applyAlignment="1">
      <alignment horizontal="center" vertical="center"/>
    </xf>
    <xf numFmtId="171" fontId="49" fillId="3" borderId="8" xfId="0" applyFont="1" applyFill="1" applyBorder="1">
      <alignment vertical="center"/>
    </xf>
    <xf numFmtId="171" fontId="43" fillId="3" borderId="8" xfId="7" applyFont="1" applyFill="1" applyBorder="1" applyAlignment="1">
      <alignment vertical="center"/>
    </xf>
    <xf numFmtId="171" fontId="40" fillId="0" borderId="8" xfId="7" applyNumberFormat="1" applyFont="1" applyBorder="1" applyAlignment="1">
      <alignment horizontal="center" vertical="center" wrapText="1"/>
    </xf>
    <xf numFmtId="171" fontId="40" fillId="0" borderId="8" xfId="7" applyNumberFormat="1" applyFont="1" applyFill="1" applyBorder="1"/>
    <xf numFmtId="171" fontId="40" fillId="0" borderId="8" xfId="33" applyNumberFormat="1" applyFont="1" applyFill="1" applyBorder="1" applyAlignment="1">
      <alignment vertical="center"/>
    </xf>
    <xf numFmtId="171" fontId="40" fillId="0" borderId="8" xfId="7" applyNumberFormat="1" applyFont="1" applyBorder="1" applyAlignment="1">
      <alignment horizontal="left" vertical="center"/>
    </xf>
    <xf numFmtId="171" fontId="43" fillId="3" borderId="12" xfId="7" applyFont="1" applyFill="1" applyBorder="1" applyAlignment="1">
      <alignment horizontal="center" vertical="center"/>
    </xf>
    <xf numFmtId="171" fontId="43" fillId="3" borderId="8" xfId="7" applyFont="1" applyFill="1" applyBorder="1" applyAlignment="1">
      <alignment horizontal="center" vertical="center"/>
    </xf>
    <xf numFmtId="167" fontId="43" fillId="3" borderId="8" xfId="7" applyNumberFormat="1" applyFont="1" applyFill="1" applyBorder="1" applyAlignment="1">
      <alignment horizontal="center" vertical="center"/>
    </xf>
    <xf numFmtId="171" fontId="40" fillId="0" borderId="0" xfId="7" applyFont="1" applyAlignment="1">
      <alignment wrapText="1"/>
    </xf>
    <xf numFmtId="167" fontId="40" fillId="0" borderId="0" xfId="7" applyNumberFormat="1" applyFont="1" applyAlignment="1">
      <alignment horizontal="center"/>
    </xf>
    <xf numFmtId="167" fontId="40" fillId="0" borderId="0" xfId="7" applyNumberFormat="1" applyFont="1" applyAlignment="1">
      <alignment horizontal="center" wrapText="1"/>
    </xf>
    <xf numFmtId="169" fontId="40" fillId="0" borderId="0" xfId="7" applyNumberFormat="1" applyFont="1" applyAlignment="1">
      <alignment horizontal="center"/>
    </xf>
    <xf numFmtId="169" fontId="40" fillId="0" borderId="0" xfId="7" applyNumberFormat="1" applyFont="1" applyAlignment="1">
      <alignment horizontal="center" vertical="center"/>
    </xf>
    <xf numFmtId="171" fontId="40" fillId="0" borderId="0" xfId="7" applyFont="1" applyAlignment="1">
      <alignment horizontal="center"/>
    </xf>
    <xf numFmtId="171" fontId="40" fillId="0" borderId="0" xfId="7" applyFont="1" applyAlignment="1">
      <alignment vertical="center" wrapText="1"/>
    </xf>
    <xf numFmtId="171" fontId="43" fillId="0" borderId="0" xfId="7" applyFont="1"/>
    <xf numFmtId="171" fontId="43" fillId="6" borderId="0" xfId="7" applyFont="1" applyFill="1"/>
    <xf numFmtId="171" fontId="43" fillId="6" borderId="0" xfId="7" applyNumberFormat="1" applyFont="1" applyFill="1"/>
    <xf numFmtId="171" fontId="56" fillId="3" borderId="0" xfId="0" applyFont="1" applyFill="1" applyAlignment="1"/>
    <xf numFmtId="171" fontId="43" fillId="3" borderId="0" xfId="7" applyFont="1" applyFill="1"/>
    <xf numFmtId="171" fontId="43" fillId="3" borderId="0" xfId="33" applyFont="1" applyFill="1">
      <alignment vertical="center"/>
    </xf>
    <xf numFmtId="171" fontId="40" fillId="3" borderId="12" xfId="73" applyFont="1" applyFill="1" applyBorder="1" applyAlignment="1">
      <alignment horizontal="center" vertical="center" wrapText="1"/>
    </xf>
    <xf numFmtId="171" fontId="40" fillId="3" borderId="8" xfId="73" applyFont="1" applyFill="1" applyBorder="1" applyAlignment="1">
      <alignment horizontal="center" vertical="center" wrapText="1"/>
    </xf>
    <xf numFmtId="167" fontId="40" fillId="3" borderId="8" xfId="73" applyNumberFormat="1" applyFont="1" applyFill="1" applyBorder="1" applyAlignment="1">
      <alignment horizontal="center" vertical="center" wrapText="1"/>
    </xf>
    <xf numFmtId="171" fontId="43" fillId="3" borderId="12" xfId="0" applyFont="1" applyFill="1" applyBorder="1" applyAlignment="1">
      <alignment vertical="center" wrapText="1"/>
    </xf>
    <xf numFmtId="171" fontId="43" fillId="3" borderId="13" xfId="0" applyFont="1" applyFill="1" applyBorder="1" applyAlignment="1">
      <alignment vertical="center" wrapText="1"/>
    </xf>
    <xf numFmtId="171" fontId="43" fillId="3" borderId="9" xfId="0" applyFont="1" applyFill="1" applyBorder="1" applyAlignment="1">
      <alignment vertical="center" wrapText="1"/>
    </xf>
    <xf numFmtId="171" fontId="40" fillId="3" borderId="8" xfId="32" applyFont="1" applyFill="1" applyBorder="1" applyAlignment="1">
      <alignment horizontal="center" vertical="center" wrapText="1"/>
    </xf>
    <xf numFmtId="171" fontId="49" fillId="3" borderId="0" xfId="7" applyFont="1" applyFill="1"/>
    <xf numFmtId="171" fontId="40" fillId="3" borderId="8" xfId="32" applyFont="1" applyFill="1" applyBorder="1" applyAlignment="1">
      <alignment horizontal="center" vertical="center" wrapText="1"/>
    </xf>
    <xf numFmtId="171" fontId="42" fillId="0" borderId="0" xfId="0" applyFont="1" applyAlignment="1">
      <alignment vertical="center" wrapText="1"/>
    </xf>
    <xf numFmtId="167" fontId="42" fillId="0" borderId="0" xfId="0" applyNumberFormat="1" applyFont="1">
      <alignment vertical="center"/>
    </xf>
    <xf numFmtId="171" fontId="57" fillId="0" borderId="0" xfId="0" applyFont="1">
      <alignment vertical="center"/>
    </xf>
    <xf numFmtId="171" fontId="57" fillId="3" borderId="0" xfId="0" applyFont="1" applyFill="1">
      <alignment vertical="center"/>
    </xf>
    <xf numFmtId="171" fontId="46" fillId="3" borderId="0" xfId="7" applyFont="1" applyFill="1"/>
    <xf numFmtId="171" fontId="34" fillId="0" borderId="0" xfId="48" applyFont="1" applyFill="1">
      <alignment vertical="center"/>
    </xf>
    <xf numFmtId="171" fontId="40" fillId="0" borderId="0" xfId="48" applyFont="1" applyFill="1">
      <alignment vertical="center"/>
    </xf>
    <xf numFmtId="171" fontId="34" fillId="6" borderId="8" xfId="49" applyFont="1" applyFill="1" applyBorder="1" applyAlignment="1">
      <alignment horizontal="center" vertical="center"/>
    </xf>
    <xf numFmtId="171" fontId="34" fillId="6" borderId="8" xfId="48" applyFont="1" applyFill="1" applyBorder="1">
      <alignment vertical="center"/>
    </xf>
    <xf numFmtId="171" fontId="34" fillId="6" borderId="8" xfId="48" applyFont="1" applyFill="1" applyBorder="1" applyAlignment="1">
      <alignment horizontal="center" vertical="center"/>
    </xf>
    <xf numFmtId="1" fontId="34" fillId="6" borderId="0" xfId="48" applyNumberFormat="1" applyFont="1" applyFill="1">
      <alignment vertical="center"/>
    </xf>
    <xf numFmtId="171" fontId="20" fillId="6" borderId="8" xfId="31" applyNumberFormat="1" applyFont="1" applyFill="1" applyBorder="1">
      <alignment vertical="center"/>
    </xf>
    <xf numFmtId="171" fontId="40" fillId="6" borderId="8" xfId="48" applyFont="1" applyFill="1" applyBorder="1" applyAlignment="1">
      <alignment horizontal="center" vertical="center"/>
    </xf>
    <xf numFmtId="171" fontId="40" fillId="6" borderId="8" xfId="48" applyFont="1" applyFill="1" applyBorder="1">
      <alignment vertical="center"/>
    </xf>
    <xf numFmtId="1" fontId="40" fillId="6" borderId="0" xfId="48" applyNumberFormat="1" applyFont="1" applyFill="1">
      <alignment vertical="center"/>
    </xf>
    <xf numFmtId="171" fontId="34" fillId="6" borderId="0" xfId="48" applyFont="1" applyFill="1">
      <alignment vertical="center"/>
    </xf>
    <xf numFmtId="171" fontId="40" fillId="6" borderId="0" xfId="48" applyFont="1" applyFill="1">
      <alignment vertical="center"/>
    </xf>
    <xf numFmtId="171" fontId="47" fillId="3" borderId="8" xfId="51" applyFont="1" applyFill="1" applyBorder="1" applyAlignment="1">
      <alignment horizontal="center" vertical="center" wrapText="1"/>
    </xf>
    <xf numFmtId="171" fontId="40" fillId="5" borderId="8" xfId="0" applyFont="1" applyFill="1" applyBorder="1" applyAlignment="1">
      <alignment horizontal="center" vertical="center"/>
    </xf>
    <xf numFmtId="171" fontId="58" fillId="5" borderId="6" xfId="46" applyFont="1" applyFill="1" applyBorder="1" applyAlignment="1">
      <alignment vertical="center" wrapText="1"/>
    </xf>
    <xf numFmtId="171" fontId="40" fillId="3" borderId="8" xfId="0" applyFont="1" applyFill="1" applyBorder="1" applyAlignment="1">
      <alignment horizontal="left" vertical="center" wrapText="1"/>
    </xf>
    <xf numFmtId="171" fontId="43" fillId="5" borderId="21" xfId="7" applyFont="1" applyFill="1" applyBorder="1" applyAlignment="1">
      <alignment vertical="center" wrapText="1"/>
    </xf>
    <xf numFmtId="44" fontId="40" fillId="0" borderId="0" xfId="161" applyFont="1" applyAlignment="1">
      <alignment vertical="center"/>
    </xf>
    <xf numFmtId="44" fontId="34" fillId="0" borderId="0" xfId="161" applyFont="1" applyAlignment="1">
      <alignment vertical="center"/>
    </xf>
    <xf numFmtId="171" fontId="40" fillId="0" borderId="8" xfId="7" applyFont="1" applyBorder="1" applyAlignment="1">
      <alignment horizontal="center" vertical="center"/>
    </xf>
    <xf numFmtId="172" fontId="40" fillId="3" borderId="8" xfId="7" applyNumberFormat="1" applyFont="1" applyFill="1" applyBorder="1" applyAlignment="1">
      <alignment horizontal="center" vertical="center"/>
    </xf>
    <xf numFmtId="171" fontId="42" fillId="0" borderId="8" xfId="0" applyFont="1" applyBorder="1" applyAlignment="1">
      <alignment vertical="center" wrapText="1"/>
    </xf>
    <xf numFmtId="171" fontId="26" fillId="0" borderId="0" xfId="0" applyFont="1">
      <alignment vertical="center"/>
    </xf>
    <xf numFmtId="171" fontId="58" fillId="5" borderId="8" xfId="50" applyFont="1" applyFill="1" applyBorder="1" applyAlignment="1">
      <alignment horizontal="center" vertical="center" wrapText="1"/>
    </xf>
    <xf numFmtId="171" fontId="58" fillId="5" borderId="8" xfId="50" applyFont="1" applyFill="1" applyBorder="1" applyAlignment="1">
      <alignment horizontal="center" vertical="center" wrapText="1"/>
    </xf>
    <xf numFmtId="171" fontId="0" fillId="0" borderId="0" xfId="0" applyFont="1">
      <alignment vertical="center"/>
    </xf>
    <xf numFmtId="171" fontId="50" fillId="3" borderId="8" xfId="0" applyFont="1" applyFill="1" applyBorder="1" applyAlignment="1">
      <alignment horizontal="center" vertical="center"/>
    </xf>
    <xf numFmtId="171" fontId="50" fillId="3" borderId="8" xfId="0" applyFont="1" applyFill="1" applyBorder="1">
      <alignment vertical="center"/>
    </xf>
    <xf numFmtId="171" fontId="63" fillId="0" borderId="0" xfId="0" applyFont="1">
      <alignment vertical="center"/>
    </xf>
    <xf numFmtId="171" fontId="60" fillId="7" borderId="12" xfId="0" applyFont="1" applyFill="1" applyBorder="1" applyAlignment="1">
      <alignment horizontal="center" vertical="center"/>
    </xf>
    <xf numFmtId="167" fontId="60" fillId="7" borderId="0" xfId="7" applyNumberFormat="1" applyFont="1" applyFill="1" applyBorder="1" applyAlignment="1">
      <alignment horizontal="center" vertical="center" wrapText="1"/>
    </xf>
    <xf numFmtId="167" fontId="61" fillId="7" borderId="0" xfId="7" applyNumberFormat="1" applyFont="1" applyFill="1" applyAlignment="1">
      <alignment horizontal="center" vertical="center" wrapText="1"/>
    </xf>
    <xf numFmtId="171" fontId="63" fillId="7" borderId="0" xfId="0" applyFont="1" applyFill="1">
      <alignment vertical="center"/>
    </xf>
    <xf numFmtId="171" fontId="43" fillId="7" borderId="8" xfId="0" applyFont="1" applyFill="1" applyBorder="1" applyAlignment="1">
      <alignment horizontal="center" vertical="center"/>
    </xf>
    <xf numFmtId="171" fontId="43" fillId="7" borderId="8" xfId="0" applyFont="1" applyFill="1" applyBorder="1" applyAlignment="1">
      <alignment horizontal="center" vertical="center" wrapText="1"/>
    </xf>
    <xf numFmtId="49" fontId="43" fillId="7" borderId="8" xfId="0" applyNumberFormat="1" applyFont="1" applyFill="1" applyBorder="1" applyAlignment="1">
      <alignment horizontal="center" vertical="center" wrapText="1"/>
    </xf>
    <xf numFmtId="44" fontId="43" fillId="7" borderId="0" xfId="161" applyFont="1" applyFill="1" applyBorder="1" applyAlignment="1">
      <alignment horizontal="center" vertical="center" wrapText="1"/>
    </xf>
    <xf numFmtId="171" fontId="43" fillId="7" borderId="0" xfId="0" applyFont="1" applyFill="1" applyAlignment="1">
      <alignment horizontal="center" vertical="center" wrapText="1"/>
    </xf>
    <xf numFmtId="171" fontId="43" fillId="7" borderId="0" xfId="0" applyFont="1" applyFill="1" applyAlignment="1">
      <alignment horizontal="center" vertical="center"/>
    </xf>
    <xf numFmtId="171" fontId="42" fillId="5" borderId="0" xfId="0" applyFont="1" applyFill="1" applyAlignment="1">
      <alignment horizontal="center" vertical="center"/>
    </xf>
    <xf numFmtId="171" fontId="46" fillId="5" borderId="0" xfId="7" applyFont="1" applyFill="1" applyBorder="1" applyAlignment="1">
      <alignment horizontal="center" vertical="center" wrapText="1"/>
    </xf>
    <xf numFmtId="171" fontId="59" fillId="0" borderId="0" xfId="0" applyFont="1">
      <alignment vertical="center"/>
    </xf>
    <xf numFmtId="171" fontId="59" fillId="0" borderId="0" xfId="0" applyFont="1" applyAlignment="1">
      <alignment horizontal="left" vertical="center"/>
    </xf>
    <xf numFmtId="171" fontId="43" fillId="7" borderId="11" xfId="0" applyFont="1" applyFill="1" applyBorder="1" applyAlignment="1">
      <alignment horizontal="center" vertical="center" wrapText="1"/>
    </xf>
    <xf numFmtId="171" fontId="43" fillId="7" borderId="0" xfId="0" applyFont="1" applyFill="1" applyAlignment="1">
      <alignment vertical="center" wrapText="1"/>
    </xf>
    <xf numFmtId="171" fontId="43" fillId="7" borderId="0" xfId="0" applyFont="1" applyFill="1">
      <alignment vertical="center"/>
    </xf>
    <xf numFmtId="44" fontId="43" fillId="7" borderId="8" xfId="161" applyFont="1" applyFill="1" applyBorder="1" applyAlignment="1">
      <alignment horizontal="center" vertical="center" wrapText="1"/>
    </xf>
    <xf numFmtId="44" fontId="43" fillId="5" borderId="21" xfId="161" applyFont="1" applyFill="1" applyBorder="1" applyAlignment="1">
      <alignment vertical="center"/>
    </xf>
    <xf numFmtId="44" fontId="42" fillId="0" borderId="0" xfId="161" applyFont="1" applyAlignment="1">
      <alignment vertical="center"/>
    </xf>
    <xf numFmtId="171" fontId="43" fillId="5" borderId="0" xfId="33" applyFont="1" applyFill="1">
      <alignment vertical="center"/>
    </xf>
    <xf numFmtId="44" fontId="43" fillId="3" borderId="8" xfId="161" applyFont="1" applyFill="1" applyBorder="1" applyAlignment="1">
      <alignment horizontal="center" vertical="center" wrapText="1"/>
    </xf>
    <xf numFmtId="44" fontId="59" fillId="6" borderId="8" xfId="161" applyFont="1" applyFill="1" applyBorder="1" applyAlignment="1">
      <alignment horizontal="center" vertical="center" wrapText="1"/>
    </xf>
    <xf numFmtId="44" fontId="59" fillId="6" borderId="8" xfId="161" applyFont="1" applyFill="1" applyBorder="1"/>
    <xf numFmtId="44" fontId="59" fillId="3" borderId="8" xfId="161" applyFont="1" applyFill="1" applyBorder="1" applyAlignment="1">
      <alignment horizontal="center" vertical="center" wrapText="1"/>
    </xf>
    <xf numFmtId="44" fontId="59" fillId="5" borderId="8" xfId="161" applyFont="1" applyFill="1" applyBorder="1" applyAlignment="1">
      <alignment vertical="center"/>
    </xf>
    <xf numFmtId="44" fontId="59" fillId="5" borderId="8" xfId="161" applyFont="1" applyFill="1" applyBorder="1"/>
    <xf numFmtId="44" fontId="59" fillId="5" borderId="0" xfId="161" applyFont="1" applyFill="1"/>
    <xf numFmtId="44" fontId="59" fillId="5" borderId="11" xfId="161" applyFont="1" applyFill="1" applyBorder="1" applyAlignment="1">
      <alignment vertical="center"/>
    </xf>
    <xf numFmtId="44" fontId="59" fillId="3" borderId="12" xfId="161" applyFont="1" applyFill="1" applyBorder="1" applyAlignment="1">
      <alignment horizontal="center" vertical="center" wrapText="1"/>
    </xf>
    <xf numFmtId="44" fontId="59" fillId="0" borderId="0" xfId="161" applyFont="1"/>
    <xf numFmtId="171" fontId="43" fillId="5" borderId="0" xfId="7" applyFont="1" applyFill="1"/>
    <xf numFmtId="171" fontId="43" fillId="7" borderId="8" xfId="73" applyFont="1" applyFill="1" applyBorder="1" applyAlignment="1">
      <alignment horizontal="center" vertical="center" wrapText="1"/>
    </xf>
    <xf numFmtId="44" fontId="59" fillId="7" borderId="8" xfId="161" applyFont="1" applyFill="1" applyBorder="1" applyAlignment="1">
      <alignment horizontal="center" vertical="center" wrapText="1"/>
    </xf>
    <xf numFmtId="171" fontId="43" fillId="7" borderId="0" xfId="7" applyFont="1" applyFill="1" applyAlignment="1">
      <alignment vertical="center"/>
    </xf>
    <xf numFmtId="44" fontId="64" fillId="6" borderId="8" xfId="161" applyFont="1" applyFill="1" applyBorder="1" applyAlignment="1">
      <alignment horizontal="center" vertical="center" wrapText="1"/>
    </xf>
    <xf numFmtId="44" fontId="64" fillId="6" borderId="8" xfId="161" applyFont="1" applyFill="1" applyBorder="1" applyAlignment="1">
      <alignment vertical="center"/>
    </xf>
    <xf numFmtId="44" fontId="64" fillId="3" borderId="8" xfId="161" applyFont="1" applyFill="1" applyBorder="1" applyAlignment="1">
      <alignment horizontal="center" vertical="center" wrapText="1"/>
    </xf>
    <xf numFmtId="44" fontId="64" fillId="0" borderId="0" xfId="161" applyFont="1" applyAlignment="1">
      <alignment vertical="center"/>
    </xf>
    <xf numFmtId="44" fontId="64" fillId="7" borderId="8" xfId="161" applyFont="1" applyFill="1" applyBorder="1" applyAlignment="1">
      <alignment horizontal="center" vertical="center" wrapText="1"/>
    </xf>
    <xf numFmtId="167" fontId="20" fillId="7" borderId="8" xfId="7" applyNumberFormat="1" applyFont="1" applyFill="1" applyBorder="1" applyAlignment="1">
      <alignment horizontal="center" vertical="center" wrapText="1"/>
    </xf>
    <xf numFmtId="171" fontId="51" fillId="5" borderId="0" xfId="46" applyFont="1" applyFill="1">
      <alignment vertical="center"/>
    </xf>
    <xf numFmtId="171" fontId="40" fillId="5" borderId="0" xfId="33" applyFont="1" applyFill="1">
      <alignment vertical="center"/>
    </xf>
    <xf numFmtId="44" fontId="58" fillId="5" borderId="6" xfId="161" applyFont="1" applyFill="1" applyBorder="1" applyAlignment="1">
      <alignment vertical="center" wrapText="1"/>
    </xf>
    <xf numFmtId="44" fontId="56" fillId="0" borderId="0" xfId="161" applyFont="1" applyAlignment="1">
      <alignment vertical="center"/>
    </xf>
    <xf numFmtId="171" fontId="65" fillId="0" borderId="0" xfId="0" applyFont="1">
      <alignment vertical="center"/>
    </xf>
    <xf numFmtId="171" fontId="43" fillId="7" borderId="0" xfId="0" applyFont="1" applyFill="1" applyBorder="1" applyAlignment="1">
      <alignment vertical="center" wrapText="1"/>
    </xf>
    <xf numFmtId="171" fontId="40" fillId="7" borderId="0" xfId="0" applyFont="1" applyFill="1" applyAlignment="1">
      <alignment vertical="center" wrapText="1"/>
    </xf>
    <xf numFmtId="171" fontId="56" fillId="0" borderId="0" xfId="0" applyFont="1" applyAlignment="1">
      <alignment vertical="center" wrapText="1"/>
    </xf>
    <xf numFmtId="167" fontId="43" fillId="7" borderId="8" xfId="73" applyNumberFormat="1" applyFont="1" applyFill="1" applyBorder="1" applyAlignment="1">
      <alignment horizontal="center" vertical="center" wrapText="1"/>
    </xf>
    <xf numFmtId="171" fontId="57" fillId="7" borderId="0" xfId="0" applyFont="1" applyFill="1" applyAlignment="1">
      <alignment vertical="center" wrapText="1"/>
    </xf>
    <xf numFmtId="171" fontId="56" fillId="7" borderId="0" xfId="0" applyFont="1" applyFill="1" applyAlignment="1">
      <alignment vertical="center" wrapText="1"/>
    </xf>
    <xf numFmtId="171" fontId="22" fillId="7" borderId="8" xfId="0" applyFont="1" applyFill="1" applyBorder="1" applyAlignment="1">
      <alignment horizontal="center" vertical="center" wrapText="1"/>
    </xf>
    <xf numFmtId="1" fontId="43" fillId="7" borderId="0" xfId="48" applyNumberFormat="1" applyFont="1" applyFill="1" applyAlignment="1">
      <alignment vertical="center" wrapText="1"/>
    </xf>
    <xf numFmtId="171" fontId="43" fillId="7" borderId="0" xfId="48" applyFont="1" applyFill="1" applyAlignment="1">
      <alignment vertical="center" wrapText="1"/>
    </xf>
    <xf numFmtId="171" fontId="43" fillId="0" borderId="0" xfId="48" applyFont="1" applyAlignment="1">
      <alignment vertical="center" wrapText="1"/>
    </xf>
    <xf numFmtId="171" fontId="40" fillId="5" borderId="0" xfId="32" applyFont="1" applyFill="1">
      <alignment vertical="center"/>
    </xf>
    <xf numFmtId="44" fontId="40" fillId="5" borderId="0" xfId="161" applyFont="1" applyFill="1" applyAlignment="1">
      <alignment vertical="center"/>
    </xf>
    <xf numFmtId="171" fontId="40" fillId="0" borderId="0" xfId="32" applyFont="1" applyFill="1">
      <alignment vertical="center"/>
    </xf>
    <xf numFmtId="44" fontId="59" fillId="7" borderId="0" xfId="161" applyFont="1" applyFill="1" applyAlignment="1">
      <alignment vertical="center" wrapText="1"/>
    </xf>
    <xf numFmtId="171" fontId="66" fillId="7" borderId="8" xfId="0" applyFont="1" applyFill="1" applyBorder="1" applyAlignment="1">
      <alignment horizontal="center" vertical="center" wrapText="1"/>
    </xf>
    <xf numFmtId="171" fontId="43" fillId="7" borderId="0" xfId="0" applyFont="1" applyFill="1" applyBorder="1" applyAlignment="1">
      <alignment horizontal="center" vertical="center" wrapText="1"/>
    </xf>
    <xf numFmtId="44" fontId="60" fillId="7" borderId="8" xfId="161" applyFont="1" applyFill="1" applyBorder="1" applyAlignment="1">
      <alignment horizontal="center" vertical="center" wrapText="1"/>
    </xf>
    <xf numFmtId="171" fontId="67" fillId="7" borderId="8" xfId="35" applyFont="1" applyFill="1" applyBorder="1" applyAlignment="1">
      <alignment horizontal="center" vertical="center" wrapText="1"/>
    </xf>
    <xf numFmtId="171" fontId="68" fillId="7" borderId="8" xfId="67" applyFont="1" applyFill="1" applyBorder="1" applyAlignment="1">
      <alignment horizontal="center" vertical="center" wrapText="1"/>
    </xf>
    <xf numFmtId="167" fontId="68" fillId="7" borderId="8" xfId="7" applyNumberFormat="1" applyFont="1" applyFill="1" applyBorder="1" applyAlignment="1">
      <alignment horizontal="center" vertical="center" wrapText="1"/>
    </xf>
    <xf numFmtId="171" fontId="69" fillId="0" borderId="0" xfId="0" applyFont="1" applyFill="1" applyBorder="1" applyAlignment="1">
      <alignment horizontal="left" vertical="center" wrapText="1"/>
    </xf>
    <xf numFmtId="171" fontId="70" fillId="0" borderId="0" xfId="0" applyFont="1" applyFill="1" applyBorder="1" applyAlignment="1">
      <alignment horizontal="left" vertical="center" wrapText="1"/>
    </xf>
    <xf numFmtId="171" fontId="70" fillId="0" borderId="0" xfId="0" applyFont="1" applyFill="1" applyBorder="1">
      <alignment vertical="center"/>
    </xf>
  </cellXfs>
  <cellStyles count="162">
    <cellStyle name="0,0_x000d__x000a_NA_x000d__x000a_" xfId="1"/>
    <cellStyle name="0,0_x000d__x000a_NA_x000d__x000a_ 2" xfId="58"/>
    <cellStyle name="0,0_x000d__x000a_NA_x000d__x000a_ 3" xfId="102"/>
    <cellStyle name="0,0_x000d__x000a_NA_x000d__x000a_ 4" xfId="131"/>
    <cellStyle name="Normale" xfId="0" builtinId="0"/>
    <cellStyle name="Valuta" xfId="161" builtinId="4"/>
    <cellStyle name="千位分隔 2" xfId="40"/>
    <cellStyle name="千位分隔 2 2" xfId="41"/>
    <cellStyle name="千位分隔 2 2 2" xfId="42"/>
    <cellStyle name="千位分隔 2 2 3" xfId="76"/>
    <cellStyle name="千位分隔 2 2 4" xfId="89"/>
    <cellStyle name="千位分隔 2 2 5" xfId="122"/>
    <cellStyle name="千位分隔 2 2 6" xfId="152"/>
    <cellStyle name="千位分隔 2 3" xfId="43"/>
    <cellStyle name="千位分隔 2 4" xfId="75"/>
    <cellStyle name="千位分隔 2 5" xfId="88"/>
    <cellStyle name="千位分隔 2 6" xfId="121"/>
    <cellStyle name="千位分隔 2 7" xfId="151"/>
    <cellStyle name="千位分隔 3" xfId="77"/>
    <cellStyle name="千位分隔 3 2" xfId="90"/>
    <cellStyle name="千位分隔 3 3" xfId="123"/>
    <cellStyle name="千位分隔 3 4" xfId="153"/>
    <cellStyle name="千位分隔 4" xfId="54"/>
    <cellStyle name="千位分隔 5" xfId="82"/>
    <cellStyle name="千位分隔 6" xfId="97"/>
    <cellStyle name="千位分隔 7" xfId="126"/>
    <cellStyle name="常规 10" xfId="87"/>
    <cellStyle name="常规 10 2" xfId="3"/>
    <cellStyle name="常规 10 2 2" xfId="64"/>
    <cellStyle name="常规 10 2 3" xfId="108"/>
    <cellStyle name="常规 10 2 4" xfId="137"/>
    <cellStyle name="常规 11" xfId="84"/>
    <cellStyle name="常规 12" xfId="4"/>
    <cellStyle name="常规 12 2" xfId="57"/>
    <cellStyle name="常规 12 3" xfId="100"/>
    <cellStyle name="常规 12 4" xfId="129"/>
    <cellStyle name="常规 13" xfId="91"/>
    <cellStyle name="常规 14" xfId="96"/>
    <cellStyle name="常规 15" xfId="120"/>
    <cellStyle name="常规 16" xfId="124"/>
    <cellStyle name="常规 17" xfId="125"/>
    <cellStyle name="常规 18" xfId="150"/>
    <cellStyle name="常规 19" xfId="156"/>
    <cellStyle name="常规 2" xfId="5"/>
    <cellStyle name="常规 2 10" xfId="6"/>
    <cellStyle name="常规 2 10 2" xfId="65"/>
    <cellStyle name="常规 2 10 3" xfId="107"/>
    <cellStyle name="常规 2 10 4" xfId="136"/>
    <cellStyle name="常规 2 2" xfId="7"/>
    <cellStyle name="常规 2 2 2" xfId="49"/>
    <cellStyle name="常规 2 2 3" xfId="62"/>
    <cellStyle name="常规 2 2 4" xfId="93"/>
    <cellStyle name="常规 2 2 5" xfId="105"/>
    <cellStyle name="常规 2 2 6" xfId="134"/>
    <cellStyle name="常规 2 3" xfId="50"/>
    <cellStyle name="常规 2 3 2" xfId="63"/>
    <cellStyle name="常规 2 3 3" xfId="94"/>
    <cellStyle name="常规 2 3 4" xfId="106"/>
    <cellStyle name="常规 2 3 5" xfId="135"/>
    <cellStyle name="常规 2 4" xfId="69"/>
    <cellStyle name="常规 2 5" xfId="92"/>
    <cellStyle name="常规 2 6" xfId="113"/>
    <cellStyle name="常规 2 7" xfId="143"/>
    <cellStyle name="常规 20" xfId="159"/>
    <cellStyle name="常规 21" xfId="154"/>
    <cellStyle name="常规 22" xfId="155"/>
    <cellStyle name="常规 23" xfId="157"/>
    <cellStyle name="常规 24" xfId="138"/>
    <cellStyle name="常规 25" xfId="47"/>
    <cellStyle name="常规 25 2" xfId="79"/>
    <cellStyle name="常规 25 2 2" xfId="101"/>
    <cellStyle name="常规 25 2 3" xfId="130"/>
    <cellStyle name="常规 25 3" xfId="56"/>
    <cellStyle name="常规 25 4" xfId="99"/>
    <cellStyle name="常规 25 5" xfId="128"/>
    <cellStyle name="常规 26" xfId="158"/>
    <cellStyle name="常规 27" xfId="160"/>
    <cellStyle name="常规 3" xfId="8"/>
    <cellStyle name="常规 3 10" xfId="9"/>
    <cellStyle name="常规 3 11" xfId="10"/>
    <cellStyle name="常规 3 12" xfId="11"/>
    <cellStyle name="常规 3 13" xfId="12"/>
    <cellStyle name="常规 3 14" xfId="13"/>
    <cellStyle name="常规 3 15" xfId="14"/>
    <cellStyle name="常规 3 16" xfId="15"/>
    <cellStyle name="常规 3 17" xfId="16"/>
    <cellStyle name="常规 3 18" xfId="17"/>
    <cellStyle name="常规 3 19" xfId="18"/>
    <cellStyle name="常规 3 2" xfId="19"/>
    <cellStyle name="常规 3 2 2" xfId="60"/>
    <cellStyle name="常规 3 2 3" xfId="115"/>
    <cellStyle name="常规 3 2 4" xfId="145"/>
    <cellStyle name="常规 3 20" xfId="20"/>
    <cellStyle name="常规 3 21" xfId="21"/>
    <cellStyle name="常规 3 22" xfId="46"/>
    <cellStyle name="常规 3 23" xfId="70"/>
    <cellStyle name="常规 3 24" xfId="95"/>
    <cellStyle name="常规 3 25" xfId="114"/>
    <cellStyle name="常规 3 26" xfId="144"/>
    <cellStyle name="常规 3 3" xfId="22"/>
    <cellStyle name="常规 3 4" xfId="23"/>
    <cellStyle name="常规 3 5" xfId="24"/>
    <cellStyle name="常规 3 6" xfId="25"/>
    <cellStyle name="常规 3 7" xfId="26"/>
    <cellStyle name="常规 3 8" xfId="27"/>
    <cellStyle name="常规 3 9" xfId="28"/>
    <cellStyle name="常规 4" xfId="29"/>
    <cellStyle name="常规 4 2" xfId="71"/>
    <cellStyle name="常规 4 3" xfId="116"/>
    <cellStyle name="常规 4 4" xfId="146"/>
    <cellStyle name="常规 5" xfId="30"/>
    <cellStyle name="常规 5 2" xfId="31"/>
    <cellStyle name="常规 5 2 2" xfId="32"/>
    <cellStyle name="常规 5 2 2 2" xfId="33"/>
    <cellStyle name="常规 5 2 2 2 2" xfId="73"/>
    <cellStyle name="常规 5 2 2 2 3" xfId="118"/>
    <cellStyle name="常规 5 2 2 2 4" xfId="148"/>
    <cellStyle name="常规 5 2 2 3" xfId="48"/>
    <cellStyle name="常规 5 3" xfId="34"/>
    <cellStyle name="常规 5 3 2" xfId="35"/>
    <cellStyle name="常规 5 4" xfId="36"/>
    <cellStyle name="常规 5 4 2" xfId="37"/>
    <cellStyle name="常规 5 5" xfId="74"/>
    <cellStyle name="常规 5 5 2" xfId="119"/>
    <cellStyle name="常规 5 5 3" xfId="51"/>
    <cellStyle name="常规 5 5 4" xfId="149"/>
    <cellStyle name="常规 5 6" xfId="72"/>
    <cellStyle name="常规 5 7" xfId="117"/>
    <cellStyle name="常规 5 8" xfId="147"/>
    <cellStyle name="常规 6" xfId="38"/>
    <cellStyle name="常规 6 2" xfId="55"/>
    <cellStyle name="常规 6 3" xfId="98"/>
    <cellStyle name="常规 6 4" xfId="127"/>
    <cellStyle name="常规 7" xfId="45"/>
    <cellStyle name="常规 8" xfId="53"/>
    <cellStyle name="常规 9" xfId="81"/>
    <cellStyle name="标题 3 2" xfId="67"/>
    <cellStyle name="标题 3 2 2" xfId="61"/>
    <cellStyle name="标题 3 2 2 2" xfId="83"/>
    <cellStyle name="标题 3 2 2 3" xfId="104"/>
    <cellStyle name="标题 3 2 2 4" xfId="133"/>
    <cellStyle name="标题 3 2 3" xfId="109"/>
    <cellStyle name="标题 3 2 4" xfId="139"/>
    <cellStyle name="标题 3 3" xfId="68"/>
    <cellStyle name="标题 3 3 2" xfId="80"/>
    <cellStyle name="标题 3 3 2 2" xfId="86"/>
    <cellStyle name="标题 3 3 2 3" xfId="112"/>
    <cellStyle name="标题 3 3 2 4" xfId="142"/>
    <cellStyle name="标题 3 3 3" xfId="85"/>
    <cellStyle name="标题 3 3 4" xfId="110"/>
    <cellStyle name="标题 3 3 5" xfId="140"/>
    <cellStyle name="标题 3 4" xfId="59"/>
    <cellStyle name="标题 3 5" xfId="103"/>
    <cellStyle name="标题 3 6" xfId="132"/>
    <cellStyle name="样式 1" xfId="44"/>
    <cellStyle name="样式 1 2" xfId="78"/>
    <cellStyle name="样式 1 3" xfId="111"/>
    <cellStyle name="样式 1 4" xfId="141"/>
    <cellStyle name="百分比 2" xfId="2"/>
    <cellStyle name="百分比 2 2" xfId="52"/>
    <cellStyle name="百分比 3" xfId="66"/>
    <cellStyle name="货币 2" xfId="39"/>
  </cellStyles>
  <dxfs count="2"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26" Type="http://schemas.openxmlformats.org/officeDocument/2006/relationships/image" Target="../media/image26.png"/><Relationship Id="rId21" Type="http://schemas.openxmlformats.org/officeDocument/2006/relationships/image" Target="../media/image21.png"/><Relationship Id="rId42" Type="http://schemas.openxmlformats.org/officeDocument/2006/relationships/image" Target="../media/image42.png"/><Relationship Id="rId47" Type="http://schemas.openxmlformats.org/officeDocument/2006/relationships/image" Target="../media/image47.png"/><Relationship Id="rId63" Type="http://schemas.openxmlformats.org/officeDocument/2006/relationships/image" Target="../media/image63.jpeg"/><Relationship Id="rId68" Type="http://schemas.openxmlformats.org/officeDocument/2006/relationships/image" Target="../media/image68.png"/><Relationship Id="rId84" Type="http://schemas.openxmlformats.org/officeDocument/2006/relationships/image" Target="../media/image83.png"/><Relationship Id="rId16" Type="http://schemas.openxmlformats.org/officeDocument/2006/relationships/image" Target="../media/image16.png"/><Relationship Id="rId11" Type="http://schemas.openxmlformats.org/officeDocument/2006/relationships/image" Target="../media/image11.png"/><Relationship Id="rId32" Type="http://schemas.openxmlformats.org/officeDocument/2006/relationships/image" Target="../media/image32.jpeg"/><Relationship Id="rId37" Type="http://schemas.openxmlformats.org/officeDocument/2006/relationships/image" Target="../media/image37.png"/><Relationship Id="rId53" Type="http://schemas.openxmlformats.org/officeDocument/2006/relationships/image" Target="../media/image53.png"/><Relationship Id="rId58" Type="http://schemas.openxmlformats.org/officeDocument/2006/relationships/image" Target="../media/image58.jpeg"/><Relationship Id="rId74" Type="http://schemas.openxmlformats.org/officeDocument/2006/relationships/image" Target="../media/image74.png"/><Relationship Id="rId79" Type="http://schemas.openxmlformats.org/officeDocument/2006/relationships/image" Target="../media/image78.png"/><Relationship Id="rId5" Type="http://schemas.openxmlformats.org/officeDocument/2006/relationships/image" Target="../media/image5.png"/><Relationship Id="rId19" Type="http://schemas.openxmlformats.org/officeDocument/2006/relationships/image" Target="../media/image19.jpeg"/><Relationship Id="rId14" Type="http://schemas.openxmlformats.org/officeDocument/2006/relationships/image" Target="../media/image14.png"/><Relationship Id="rId22" Type="http://schemas.openxmlformats.org/officeDocument/2006/relationships/image" Target="../media/image22.png"/><Relationship Id="rId27" Type="http://schemas.openxmlformats.org/officeDocument/2006/relationships/image" Target="../media/image27.png"/><Relationship Id="rId30" Type="http://schemas.openxmlformats.org/officeDocument/2006/relationships/image" Target="../media/image30.jpeg"/><Relationship Id="rId35" Type="http://schemas.openxmlformats.org/officeDocument/2006/relationships/image" Target="../media/image35.png"/><Relationship Id="rId43" Type="http://schemas.openxmlformats.org/officeDocument/2006/relationships/image" Target="../media/image43.png"/><Relationship Id="rId48" Type="http://schemas.openxmlformats.org/officeDocument/2006/relationships/image" Target="../media/image48.png"/><Relationship Id="rId56" Type="http://schemas.openxmlformats.org/officeDocument/2006/relationships/image" Target="../media/image56.png"/><Relationship Id="rId64" Type="http://schemas.openxmlformats.org/officeDocument/2006/relationships/image" Target="../media/image64.png"/><Relationship Id="rId69" Type="http://schemas.openxmlformats.org/officeDocument/2006/relationships/image" Target="../media/image69.png"/><Relationship Id="rId77" Type="http://schemas.microsoft.com/office/2007/relationships/hdphoto" Target="../media/hdphoto1.wdp"/><Relationship Id="rId8" Type="http://schemas.openxmlformats.org/officeDocument/2006/relationships/image" Target="../media/image8.png"/><Relationship Id="rId51" Type="http://schemas.openxmlformats.org/officeDocument/2006/relationships/image" Target="../media/image51.png"/><Relationship Id="rId72" Type="http://schemas.openxmlformats.org/officeDocument/2006/relationships/image" Target="../media/image72.png"/><Relationship Id="rId80" Type="http://schemas.openxmlformats.org/officeDocument/2006/relationships/image" Target="../media/image79.png"/><Relationship Id="rId85" Type="http://schemas.openxmlformats.org/officeDocument/2006/relationships/image" Target="../media/image84.png"/><Relationship Id="rId3" Type="http://schemas.openxmlformats.org/officeDocument/2006/relationships/image" Target="../media/image3.pn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5" Type="http://schemas.openxmlformats.org/officeDocument/2006/relationships/image" Target="../media/image25.png"/><Relationship Id="rId33" Type="http://schemas.openxmlformats.org/officeDocument/2006/relationships/image" Target="../media/image33.jpeg"/><Relationship Id="rId38" Type="http://schemas.openxmlformats.org/officeDocument/2006/relationships/image" Target="../media/image38.jpeg"/><Relationship Id="rId46" Type="http://schemas.openxmlformats.org/officeDocument/2006/relationships/image" Target="../media/image46.png"/><Relationship Id="rId59" Type="http://schemas.openxmlformats.org/officeDocument/2006/relationships/image" Target="../media/image59.png"/><Relationship Id="rId67" Type="http://schemas.openxmlformats.org/officeDocument/2006/relationships/image" Target="../media/image67.png"/><Relationship Id="rId20" Type="http://schemas.openxmlformats.org/officeDocument/2006/relationships/image" Target="../media/image20.png"/><Relationship Id="rId41" Type="http://schemas.openxmlformats.org/officeDocument/2006/relationships/image" Target="../media/image41.jpeg"/><Relationship Id="rId54" Type="http://schemas.openxmlformats.org/officeDocument/2006/relationships/image" Target="../media/image54.jpeg"/><Relationship Id="rId62" Type="http://schemas.openxmlformats.org/officeDocument/2006/relationships/image" Target="../media/image62.png"/><Relationship Id="rId70" Type="http://schemas.openxmlformats.org/officeDocument/2006/relationships/image" Target="../media/image70.png"/><Relationship Id="rId75" Type="http://schemas.openxmlformats.org/officeDocument/2006/relationships/image" Target="../media/image75.png"/><Relationship Id="rId83" Type="http://schemas.openxmlformats.org/officeDocument/2006/relationships/image" Target="../media/image82.png"/><Relationship Id="rId88" Type="http://schemas.openxmlformats.org/officeDocument/2006/relationships/image" Target="../media/image87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15" Type="http://schemas.openxmlformats.org/officeDocument/2006/relationships/image" Target="../media/image15.png"/><Relationship Id="rId23" Type="http://schemas.openxmlformats.org/officeDocument/2006/relationships/image" Target="../media/image23.jpeg"/><Relationship Id="rId28" Type="http://schemas.openxmlformats.org/officeDocument/2006/relationships/image" Target="../media/image28.jpeg"/><Relationship Id="rId36" Type="http://schemas.openxmlformats.org/officeDocument/2006/relationships/image" Target="../media/image36.png"/><Relationship Id="rId49" Type="http://schemas.openxmlformats.org/officeDocument/2006/relationships/image" Target="../media/image49.png"/><Relationship Id="rId57" Type="http://schemas.openxmlformats.org/officeDocument/2006/relationships/image" Target="../media/image57.png"/><Relationship Id="rId10" Type="http://schemas.openxmlformats.org/officeDocument/2006/relationships/image" Target="../media/image10.png"/><Relationship Id="rId31" Type="http://schemas.openxmlformats.org/officeDocument/2006/relationships/image" Target="../media/image31.png"/><Relationship Id="rId44" Type="http://schemas.openxmlformats.org/officeDocument/2006/relationships/image" Target="../media/image44.png"/><Relationship Id="rId52" Type="http://schemas.openxmlformats.org/officeDocument/2006/relationships/image" Target="../media/image52.png"/><Relationship Id="rId60" Type="http://schemas.openxmlformats.org/officeDocument/2006/relationships/image" Target="../media/image60.png"/><Relationship Id="rId65" Type="http://schemas.openxmlformats.org/officeDocument/2006/relationships/image" Target="../media/image65.png"/><Relationship Id="rId73" Type="http://schemas.openxmlformats.org/officeDocument/2006/relationships/image" Target="../media/image73.png"/><Relationship Id="rId78" Type="http://schemas.openxmlformats.org/officeDocument/2006/relationships/image" Target="../media/image77.png"/><Relationship Id="rId81" Type="http://schemas.openxmlformats.org/officeDocument/2006/relationships/image" Target="../media/image80.png"/><Relationship Id="rId86" Type="http://schemas.openxmlformats.org/officeDocument/2006/relationships/image" Target="../media/image85.jpe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3" Type="http://schemas.openxmlformats.org/officeDocument/2006/relationships/image" Target="../media/image13.png"/><Relationship Id="rId18" Type="http://schemas.openxmlformats.org/officeDocument/2006/relationships/image" Target="../media/image18.png"/><Relationship Id="rId39" Type="http://schemas.openxmlformats.org/officeDocument/2006/relationships/image" Target="../media/image39.png"/><Relationship Id="rId34" Type="http://schemas.openxmlformats.org/officeDocument/2006/relationships/image" Target="../media/image34.png"/><Relationship Id="rId50" Type="http://schemas.openxmlformats.org/officeDocument/2006/relationships/image" Target="../media/image50.png"/><Relationship Id="rId55" Type="http://schemas.openxmlformats.org/officeDocument/2006/relationships/image" Target="../media/image55.jpeg"/><Relationship Id="rId76" Type="http://schemas.openxmlformats.org/officeDocument/2006/relationships/image" Target="../media/image76.png"/><Relationship Id="rId7" Type="http://schemas.openxmlformats.org/officeDocument/2006/relationships/image" Target="../media/image7.jpeg"/><Relationship Id="rId71" Type="http://schemas.openxmlformats.org/officeDocument/2006/relationships/image" Target="../media/image71.png"/><Relationship Id="rId2" Type="http://schemas.openxmlformats.org/officeDocument/2006/relationships/image" Target="../media/image2.png"/><Relationship Id="rId29" Type="http://schemas.openxmlformats.org/officeDocument/2006/relationships/image" Target="../media/image29.jpeg"/><Relationship Id="rId24" Type="http://schemas.openxmlformats.org/officeDocument/2006/relationships/image" Target="../media/image24.png"/><Relationship Id="rId40" Type="http://schemas.openxmlformats.org/officeDocument/2006/relationships/image" Target="../media/image40.jpeg"/><Relationship Id="rId45" Type="http://schemas.openxmlformats.org/officeDocument/2006/relationships/image" Target="../media/image45.png"/><Relationship Id="rId66" Type="http://schemas.openxmlformats.org/officeDocument/2006/relationships/image" Target="../media/image66.png"/><Relationship Id="rId87" Type="http://schemas.openxmlformats.org/officeDocument/2006/relationships/image" Target="../media/image86.png"/><Relationship Id="rId61" Type="http://schemas.openxmlformats.org/officeDocument/2006/relationships/image" Target="../media/image61.jpeg"/><Relationship Id="rId82" Type="http://schemas.openxmlformats.org/officeDocument/2006/relationships/image" Target="../media/image81.png"/></Relationships>
</file>

<file path=xl/drawings/_rels/drawing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5.png"/><Relationship Id="rId13" Type="http://schemas.openxmlformats.org/officeDocument/2006/relationships/image" Target="../media/image100.png"/><Relationship Id="rId18" Type="http://schemas.openxmlformats.org/officeDocument/2006/relationships/image" Target="../media/image105.png"/><Relationship Id="rId26" Type="http://schemas.openxmlformats.org/officeDocument/2006/relationships/image" Target="../media/image113.png"/><Relationship Id="rId3" Type="http://schemas.openxmlformats.org/officeDocument/2006/relationships/image" Target="../media/image90.png"/><Relationship Id="rId21" Type="http://schemas.openxmlformats.org/officeDocument/2006/relationships/image" Target="../media/image108.png"/><Relationship Id="rId7" Type="http://schemas.openxmlformats.org/officeDocument/2006/relationships/image" Target="../media/image94.png"/><Relationship Id="rId12" Type="http://schemas.openxmlformats.org/officeDocument/2006/relationships/image" Target="../media/image99.png"/><Relationship Id="rId17" Type="http://schemas.openxmlformats.org/officeDocument/2006/relationships/image" Target="../media/image104.png"/><Relationship Id="rId25" Type="http://schemas.openxmlformats.org/officeDocument/2006/relationships/image" Target="../media/image112.png"/><Relationship Id="rId2" Type="http://schemas.openxmlformats.org/officeDocument/2006/relationships/image" Target="../media/image89.png"/><Relationship Id="rId16" Type="http://schemas.openxmlformats.org/officeDocument/2006/relationships/image" Target="../media/image103.png"/><Relationship Id="rId20" Type="http://schemas.openxmlformats.org/officeDocument/2006/relationships/image" Target="../media/image107.png"/><Relationship Id="rId1" Type="http://schemas.openxmlformats.org/officeDocument/2006/relationships/image" Target="../media/image88.jpeg"/><Relationship Id="rId6" Type="http://schemas.openxmlformats.org/officeDocument/2006/relationships/image" Target="../media/image93.png"/><Relationship Id="rId11" Type="http://schemas.openxmlformats.org/officeDocument/2006/relationships/image" Target="../media/image98.png"/><Relationship Id="rId24" Type="http://schemas.openxmlformats.org/officeDocument/2006/relationships/image" Target="../media/image111.png"/><Relationship Id="rId5" Type="http://schemas.openxmlformats.org/officeDocument/2006/relationships/image" Target="../media/image92.png"/><Relationship Id="rId15" Type="http://schemas.openxmlformats.org/officeDocument/2006/relationships/image" Target="../media/image102.png"/><Relationship Id="rId23" Type="http://schemas.openxmlformats.org/officeDocument/2006/relationships/image" Target="../media/image110.png"/><Relationship Id="rId10" Type="http://schemas.openxmlformats.org/officeDocument/2006/relationships/image" Target="../media/image97.png"/><Relationship Id="rId19" Type="http://schemas.openxmlformats.org/officeDocument/2006/relationships/image" Target="../media/image106.png"/><Relationship Id="rId4" Type="http://schemas.openxmlformats.org/officeDocument/2006/relationships/image" Target="../media/image91.png"/><Relationship Id="rId9" Type="http://schemas.openxmlformats.org/officeDocument/2006/relationships/image" Target="../media/image96.png"/><Relationship Id="rId14" Type="http://schemas.openxmlformats.org/officeDocument/2006/relationships/image" Target="../media/image101.png"/><Relationship Id="rId22" Type="http://schemas.openxmlformats.org/officeDocument/2006/relationships/image" Target="../media/image109.jpeg"/></Relationships>
</file>

<file path=xl/drawings/_rels/drawing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1.png"/><Relationship Id="rId13" Type="http://schemas.openxmlformats.org/officeDocument/2006/relationships/image" Target="../media/image126.png"/><Relationship Id="rId18" Type="http://schemas.openxmlformats.org/officeDocument/2006/relationships/image" Target="../media/image131.png"/><Relationship Id="rId3" Type="http://schemas.openxmlformats.org/officeDocument/2006/relationships/image" Target="../media/image116.png"/><Relationship Id="rId7" Type="http://schemas.openxmlformats.org/officeDocument/2006/relationships/image" Target="../media/image120.png"/><Relationship Id="rId12" Type="http://schemas.openxmlformats.org/officeDocument/2006/relationships/image" Target="../media/image125.jpeg"/><Relationship Id="rId17" Type="http://schemas.openxmlformats.org/officeDocument/2006/relationships/image" Target="../media/image130.jpeg"/><Relationship Id="rId2" Type="http://schemas.openxmlformats.org/officeDocument/2006/relationships/image" Target="../media/image115.png"/><Relationship Id="rId16" Type="http://schemas.openxmlformats.org/officeDocument/2006/relationships/image" Target="../media/image129.png"/><Relationship Id="rId20" Type="http://schemas.openxmlformats.org/officeDocument/2006/relationships/image" Target="../media/image133.png"/><Relationship Id="rId1" Type="http://schemas.openxmlformats.org/officeDocument/2006/relationships/image" Target="../media/image114.png"/><Relationship Id="rId6" Type="http://schemas.openxmlformats.org/officeDocument/2006/relationships/image" Target="../media/image119.jpeg"/><Relationship Id="rId11" Type="http://schemas.openxmlformats.org/officeDocument/2006/relationships/image" Target="../media/image124.png"/><Relationship Id="rId5" Type="http://schemas.openxmlformats.org/officeDocument/2006/relationships/image" Target="../media/image118.png"/><Relationship Id="rId15" Type="http://schemas.openxmlformats.org/officeDocument/2006/relationships/image" Target="../media/image128.png"/><Relationship Id="rId10" Type="http://schemas.openxmlformats.org/officeDocument/2006/relationships/image" Target="../media/image123.png"/><Relationship Id="rId19" Type="http://schemas.openxmlformats.org/officeDocument/2006/relationships/image" Target="../media/image132.png"/><Relationship Id="rId4" Type="http://schemas.openxmlformats.org/officeDocument/2006/relationships/image" Target="../media/image117.png"/><Relationship Id="rId9" Type="http://schemas.openxmlformats.org/officeDocument/2006/relationships/image" Target="../media/image122.png"/><Relationship Id="rId14" Type="http://schemas.openxmlformats.org/officeDocument/2006/relationships/image" Target="../media/image127.png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5.png"/><Relationship Id="rId1" Type="http://schemas.openxmlformats.org/officeDocument/2006/relationships/image" Target="../media/image134.png"/></Relationships>
</file>

<file path=xl/drawings/_rels/drawing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3.png"/><Relationship Id="rId3" Type="http://schemas.openxmlformats.org/officeDocument/2006/relationships/image" Target="../media/image138.png"/><Relationship Id="rId7" Type="http://schemas.openxmlformats.org/officeDocument/2006/relationships/image" Target="../media/image142.png"/><Relationship Id="rId2" Type="http://schemas.openxmlformats.org/officeDocument/2006/relationships/image" Target="../media/image137.png"/><Relationship Id="rId1" Type="http://schemas.openxmlformats.org/officeDocument/2006/relationships/image" Target="../media/image136.png"/><Relationship Id="rId6" Type="http://schemas.openxmlformats.org/officeDocument/2006/relationships/image" Target="../media/image141.png"/><Relationship Id="rId5" Type="http://schemas.openxmlformats.org/officeDocument/2006/relationships/image" Target="../media/image140.png"/><Relationship Id="rId4" Type="http://schemas.openxmlformats.org/officeDocument/2006/relationships/image" Target="../media/image139.png"/><Relationship Id="rId9" Type="http://schemas.openxmlformats.org/officeDocument/2006/relationships/image" Target="../media/image144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145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8.png"/><Relationship Id="rId2" Type="http://schemas.openxmlformats.org/officeDocument/2006/relationships/image" Target="../media/image147.png"/><Relationship Id="rId1" Type="http://schemas.openxmlformats.org/officeDocument/2006/relationships/image" Target="../media/image146.GIF"/><Relationship Id="rId5" Type="http://schemas.openxmlformats.org/officeDocument/2006/relationships/image" Target="../media/image150.png"/><Relationship Id="rId4" Type="http://schemas.openxmlformats.org/officeDocument/2006/relationships/image" Target="../media/image149.png"/></Relationships>
</file>

<file path=xl/drawings/_rels/drawing8.xml.rels><?xml version="1.0" encoding="UTF-8" standalone="yes"?>
<Relationships xmlns="http://schemas.openxmlformats.org/package/2006/relationships"><Relationship Id="rId8" Type="http://schemas.openxmlformats.org/officeDocument/2006/relationships/image" Target="cid:4__=C7BB02C0DF9BBA978f9e8a93d@cn-uniview.com" TargetMode="External"/><Relationship Id="rId3" Type="http://schemas.openxmlformats.org/officeDocument/2006/relationships/image" Target="../media/image153.png"/><Relationship Id="rId7" Type="http://schemas.openxmlformats.org/officeDocument/2006/relationships/image" Target="../media/image155.png"/><Relationship Id="rId2" Type="http://schemas.openxmlformats.org/officeDocument/2006/relationships/image" Target="../media/image152.png"/><Relationship Id="rId1" Type="http://schemas.openxmlformats.org/officeDocument/2006/relationships/image" Target="../media/image151.png"/><Relationship Id="rId6" Type="http://schemas.openxmlformats.org/officeDocument/2006/relationships/image" Target="cid:3__=C7BB02C0DF9BBA978f9e8a93d@cn-uniview.com" TargetMode="External"/><Relationship Id="rId11" Type="http://schemas.openxmlformats.org/officeDocument/2006/relationships/image" Target="../media/image157.png"/><Relationship Id="rId5" Type="http://schemas.openxmlformats.org/officeDocument/2006/relationships/image" Target="../media/image146.GIF"/><Relationship Id="rId10" Type="http://schemas.openxmlformats.org/officeDocument/2006/relationships/image" Target="cid:5__=C7BB02C0DF9BBA978f9e8a93d@cn-uniview.com" TargetMode="External"/><Relationship Id="rId4" Type="http://schemas.openxmlformats.org/officeDocument/2006/relationships/image" Target="../media/image154.png"/><Relationship Id="rId9" Type="http://schemas.openxmlformats.org/officeDocument/2006/relationships/image" Target="../media/image156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0.jpeg"/><Relationship Id="rId2" Type="http://schemas.openxmlformats.org/officeDocument/2006/relationships/image" Target="../media/image159.jpeg"/><Relationship Id="rId1" Type="http://schemas.openxmlformats.org/officeDocument/2006/relationships/image" Target="../media/image158.jpeg"/><Relationship Id="rId6" Type="http://schemas.openxmlformats.org/officeDocument/2006/relationships/image" Target="../media/image163.png"/><Relationship Id="rId5" Type="http://schemas.openxmlformats.org/officeDocument/2006/relationships/image" Target="../media/image162.jpeg"/><Relationship Id="rId4" Type="http://schemas.openxmlformats.org/officeDocument/2006/relationships/image" Target="../media/image16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85725</xdr:colOff>
      <xdr:row>105</xdr:row>
      <xdr:rowOff>190500</xdr:rowOff>
    </xdr:from>
    <xdr:to>
      <xdr:col>2</xdr:col>
      <xdr:colOff>685800</xdr:colOff>
      <xdr:row>105</xdr:row>
      <xdr:rowOff>190500</xdr:rowOff>
    </xdr:to>
    <xdr:pic>
      <xdr:nvPicPr>
        <xdr:cNvPr id="29421" name="图片 1" descr="\\info-server\产品资料库\09-01-产品图片库\02-海外\01- Network Camera\UNV\2. bullet camera\IPC232X series\新\png-用于胶片或网站\IPC232X_FL.png"/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 l="8694" t="19200" r="6897" b="23799"/>
        <a:stretch>
          <a:fillRect/>
        </a:stretch>
      </xdr:blipFill>
      <xdr:spPr bwMode="auto">
        <a:xfrm>
          <a:off x="2790825" y="19116675"/>
          <a:ext cx="600075" cy="0"/>
        </a:xfrm>
        <a:prstGeom prst="rect">
          <a:avLst/>
        </a:prstGeom>
        <a:solidFill>
          <a:srgbClr val="00B050"/>
        </a:solidFill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88018</xdr:colOff>
      <xdr:row>97</xdr:row>
      <xdr:rowOff>36007</xdr:rowOff>
    </xdr:from>
    <xdr:to>
      <xdr:col>2</xdr:col>
      <xdr:colOff>1209785</xdr:colOff>
      <xdr:row>97</xdr:row>
      <xdr:rowOff>568045</xdr:rowOff>
    </xdr:to>
    <xdr:pic>
      <xdr:nvPicPr>
        <xdr:cNvPr id="29422" name="图片 2"/>
        <xdr:cNvPicPr>
          <a:picLocks noChangeAspect="1"/>
        </xdr:cNvPicPr>
      </xdr:nvPicPr>
      <xdr:blipFill>
        <a:blip xmlns:r="http://schemas.openxmlformats.org/officeDocument/2006/relationships" r:embed="rId2"/>
        <a:srcRect l="17581" t="34190" r="21960" b="31374"/>
        <a:stretch>
          <a:fillRect/>
        </a:stretch>
      </xdr:blipFill>
      <xdr:spPr bwMode="auto">
        <a:xfrm>
          <a:off x="4018643" y="86396007"/>
          <a:ext cx="921767" cy="53203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16353</xdr:colOff>
      <xdr:row>74</xdr:row>
      <xdr:rowOff>385020</xdr:rowOff>
    </xdr:from>
    <xdr:to>
      <xdr:col>2</xdr:col>
      <xdr:colOff>1190625</xdr:colOff>
      <xdr:row>75</xdr:row>
      <xdr:rowOff>238125</xdr:rowOff>
    </xdr:to>
    <xdr:pic>
      <xdr:nvPicPr>
        <xdr:cNvPr id="29423" name="图片 3"/>
        <xdr:cNvPicPr>
          <a:picLocks noChangeAspect="1"/>
        </xdr:cNvPicPr>
      </xdr:nvPicPr>
      <xdr:blipFill>
        <a:blip xmlns:r="http://schemas.openxmlformats.org/officeDocument/2006/relationships" r:embed="rId3"/>
        <a:srcRect l="23520" t="35944" r="26057" b="36140"/>
        <a:stretch>
          <a:fillRect/>
        </a:stretch>
      </xdr:blipFill>
      <xdr:spPr bwMode="auto">
        <a:xfrm>
          <a:off x="3946978" y="65790020"/>
          <a:ext cx="974272" cy="48810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48557</xdr:colOff>
      <xdr:row>78</xdr:row>
      <xdr:rowOff>204108</xdr:rowOff>
    </xdr:from>
    <xdr:to>
      <xdr:col>2</xdr:col>
      <xdr:colOff>1079500</xdr:colOff>
      <xdr:row>79</xdr:row>
      <xdr:rowOff>411892</xdr:rowOff>
    </xdr:to>
    <xdr:pic>
      <xdr:nvPicPr>
        <xdr:cNvPr id="29424" name="图片 4"/>
        <xdr:cNvPicPr>
          <a:picLocks noChangeAspect="1"/>
        </xdr:cNvPicPr>
      </xdr:nvPicPr>
      <xdr:blipFill>
        <a:blip xmlns:r="http://schemas.openxmlformats.org/officeDocument/2006/relationships" r:embed="rId4"/>
        <a:srcRect l="34962" t="14038" r="23286" b="26425"/>
        <a:stretch>
          <a:fillRect/>
        </a:stretch>
      </xdr:blipFill>
      <xdr:spPr bwMode="auto">
        <a:xfrm>
          <a:off x="3979182" y="68149108"/>
          <a:ext cx="830943" cy="8427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2428757</xdr:colOff>
      <xdr:row>8</xdr:row>
      <xdr:rowOff>216353</xdr:rowOff>
    </xdr:from>
    <xdr:to>
      <xdr:col>2</xdr:col>
      <xdr:colOff>1412875</xdr:colOff>
      <xdr:row>10</xdr:row>
      <xdr:rowOff>111577</xdr:rowOff>
    </xdr:to>
    <xdr:pic>
      <xdr:nvPicPr>
        <xdr:cNvPr id="29431" name="图片 5"/>
        <xdr:cNvPicPr>
          <a:picLocks noChangeAspect="1"/>
        </xdr:cNvPicPr>
      </xdr:nvPicPr>
      <xdr:blipFill>
        <a:blip xmlns:r="http://schemas.openxmlformats.org/officeDocument/2006/relationships" r:embed="rId5" cstate="print"/>
        <a:srcRect/>
        <a:stretch>
          <a:fillRect/>
        </a:stretch>
      </xdr:blipFill>
      <xdr:spPr bwMode="auto">
        <a:xfrm>
          <a:off x="3508257" y="8471353"/>
          <a:ext cx="1635243" cy="116522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2162296</xdr:colOff>
      <xdr:row>10</xdr:row>
      <xdr:rowOff>126546</xdr:rowOff>
    </xdr:from>
    <xdr:to>
      <xdr:col>3</xdr:col>
      <xdr:colOff>158750</xdr:colOff>
      <xdr:row>12</xdr:row>
      <xdr:rowOff>62981</xdr:rowOff>
    </xdr:to>
    <xdr:pic>
      <xdr:nvPicPr>
        <xdr:cNvPr id="29432" name="图片 5" descr="\\info-server\产品资料库\09-01-产品图片库\02-海外\01- Network Camera\Easy\Dome\IPC361x(1).png"/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/>
        <a:srcRect/>
        <a:stretch>
          <a:fillRect/>
        </a:stretch>
      </xdr:blipFill>
      <xdr:spPr bwMode="auto">
        <a:xfrm>
          <a:off x="3241796" y="9651546"/>
          <a:ext cx="2108079" cy="120643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8390</xdr:colOff>
      <xdr:row>12</xdr:row>
      <xdr:rowOff>393701</xdr:rowOff>
    </xdr:from>
    <xdr:to>
      <xdr:col>2</xdr:col>
      <xdr:colOff>1277713</xdr:colOff>
      <xdr:row>13</xdr:row>
      <xdr:rowOff>381000</xdr:rowOff>
    </xdr:to>
    <xdr:pic>
      <xdr:nvPicPr>
        <xdr:cNvPr id="29433" name="图片 14"/>
        <xdr:cNvPicPr>
          <a:picLocks noChangeAspect="1"/>
        </xdr:cNvPicPr>
      </xdr:nvPicPr>
      <xdr:blipFill>
        <a:blip xmlns:r="http://schemas.openxmlformats.org/officeDocument/2006/relationships" r:embed="rId7"/>
        <a:srcRect/>
        <a:stretch>
          <a:fillRect/>
        </a:stretch>
      </xdr:blipFill>
      <xdr:spPr bwMode="auto">
        <a:xfrm>
          <a:off x="3769015" y="11188701"/>
          <a:ext cx="1239323" cy="62229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6287</xdr:colOff>
      <xdr:row>132</xdr:row>
      <xdr:rowOff>79375</xdr:rowOff>
    </xdr:from>
    <xdr:to>
      <xdr:col>2</xdr:col>
      <xdr:colOff>1333500</xdr:colOff>
      <xdr:row>133</xdr:row>
      <xdr:rowOff>77560</xdr:rowOff>
    </xdr:to>
    <xdr:pic>
      <xdr:nvPicPr>
        <xdr:cNvPr id="29465" name="图片 46" descr="\\info-server\产品资料库\09-01-产品图片库\IDG\01-产品效果图\01-摄像机\产品渲染图总汇\半球类\无尾线半球\无尾线经济变焦半球-UNV\无尾线经济变焦半球-UNV_F.png"/>
        <xdr:cNvPicPr>
          <a:picLocks noChangeAspect="1" noChangeArrowheads="1"/>
        </xdr:cNvPicPr>
      </xdr:nvPicPr>
      <xdr:blipFill>
        <a:blip xmlns:r="http://schemas.openxmlformats.org/officeDocument/2006/relationships" r:embed="rId8" cstate="print"/>
        <a:srcRect/>
        <a:stretch>
          <a:fillRect/>
        </a:stretch>
      </xdr:blipFill>
      <xdr:spPr bwMode="auto">
        <a:xfrm>
          <a:off x="3746912" y="113744375"/>
          <a:ext cx="1317213" cy="63318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87977</xdr:colOff>
      <xdr:row>129</xdr:row>
      <xdr:rowOff>228600</xdr:rowOff>
    </xdr:from>
    <xdr:to>
      <xdr:col>2</xdr:col>
      <xdr:colOff>1111250</xdr:colOff>
      <xdr:row>130</xdr:row>
      <xdr:rowOff>219069</xdr:rowOff>
    </xdr:to>
    <xdr:pic>
      <xdr:nvPicPr>
        <xdr:cNvPr id="29466" name="图片 47"/>
        <xdr:cNvPicPr>
          <a:picLocks noChangeAspect="1" noChangeArrowheads="1"/>
        </xdr:cNvPicPr>
      </xdr:nvPicPr>
      <xdr:blipFill>
        <a:blip xmlns:r="http://schemas.openxmlformats.org/officeDocument/2006/relationships" r:embed="rId9"/>
        <a:srcRect l="39130" t="12234" r="26569" b="35939"/>
        <a:stretch>
          <a:fillRect/>
        </a:stretch>
      </xdr:blipFill>
      <xdr:spPr bwMode="auto">
        <a:xfrm>
          <a:off x="4018602" y="110718600"/>
          <a:ext cx="823273" cy="62546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2439760</xdr:colOff>
      <xdr:row>127</xdr:row>
      <xdr:rowOff>181883</xdr:rowOff>
    </xdr:from>
    <xdr:to>
      <xdr:col>3</xdr:col>
      <xdr:colOff>163339</xdr:colOff>
      <xdr:row>128</xdr:row>
      <xdr:rowOff>460375</xdr:rowOff>
    </xdr:to>
    <xdr:pic>
      <xdr:nvPicPr>
        <xdr:cNvPr id="29467" name="图片 48" descr="\\info-server\产品资料库\09-01-产品图片库\IDG\01-产品效果图\01-摄像机\产品渲染图总汇\半球类\无尾线半球\无尾线经济变焦半球-UNV\无尾线经济变焦半球-UNV_F.png"/>
        <xdr:cNvPicPr>
          <a:picLocks noChangeAspect="1" noChangeArrowheads="1"/>
        </xdr:cNvPicPr>
      </xdr:nvPicPr>
      <xdr:blipFill>
        <a:blip xmlns:r="http://schemas.openxmlformats.org/officeDocument/2006/relationships" r:embed="rId10" cstate="print"/>
        <a:srcRect/>
        <a:stretch>
          <a:fillRect/>
        </a:stretch>
      </xdr:blipFill>
      <xdr:spPr bwMode="auto">
        <a:xfrm>
          <a:off x="3519260" y="109401883"/>
          <a:ext cx="1835204" cy="91349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58535</xdr:colOff>
      <xdr:row>124</xdr:row>
      <xdr:rowOff>335644</xdr:rowOff>
    </xdr:from>
    <xdr:to>
      <xdr:col>2</xdr:col>
      <xdr:colOff>1127125</xdr:colOff>
      <xdr:row>125</xdr:row>
      <xdr:rowOff>331573</xdr:rowOff>
    </xdr:to>
    <xdr:pic>
      <xdr:nvPicPr>
        <xdr:cNvPr id="29470" name="图片 51" descr="\\info-server\产品资料库\09-01-产品图片库\IDG\01-产品效果图\01-摄像机\产品渲染图总汇\海螺类\定焦海螺\两件套海螺\金属球体\UNV\有mic\1.png"/>
        <xdr:cNvPicPr>
          <a:picLocks noChangeAspect="1" noChangeArrowheads="1"/>
        </xdr:cNvPicPr>
      </xdr:nvPicPr>
      <xdr:blipFill>
        <a:blip xmlns:r="http://schemas.openxmlformats.org/officeDocument/2006/relationships" r:embed="rId11" cstate="print"/>
        <a:srcRect l="35724" t="14584" r="22816" b="30312"/>
        <a:stretch>
          <a:fillRect/>
        </a:stretch>
      </xdr:blipFill>
      <xdr:spPr bwMode="auto">
        <a:xfrm>
          <a:off x="3989160" y="107650644"/>
          <a:ext cx="868590" cy="63092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00024</xdr:colOff>
      <xdr:row>209</xdr:row>
      <xdr:rowOff>161925</xdr:rowOff>
    </xdr:from>
    <xdr:to>
      <xdr:col>2</xdr:col>
      <xdr:colOff>1111249</xdr:colOff>
      <xdr:row>209</xdr:row>
      <xdr:rowOff>594173</xdr:rowOff>
    </xdr:to>
    <xdr:pic>
      <xdr:nvPicPr>
        <xdr:cNvPr id="29503" name="图片 125" descr="IPC2324SS-DZK-LF"/>
        <xdr:cNvPicPr>
          <a:picLocks noChangeAspect="1" noChangeArrowheads="1"/>
        </xdr:cNvPicPr>
      </xdr:nvPicPr>
      <xdr:blipFill>
        <a:blip xmlns:r="http://schemas.openxmlformats.org/officeDocument/2006/relationships" r:embed="rId12"/>
        <a:srcRect/>
        <a:stretch>
          <a:fillRect/>
        </a:stretch>
      </xdr:blipFill>
      <xdr:spPr bwMode="auto">
        <a:xfrm>
          <a:off x="3930649" y="167166925"/>
          <a:ext cx="911225" cy="43224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92554</xdr:colOff>
      <xdr:row>211</xdr:row>
      <xdr:rowOff>79375</xdr:rowOff>
    </xdr:from>
    <xdr:to>
      <xdr:col>2</xdr:col>
      <xdr:colOff>1054553</xdr:colOff>
      <xdr:row>211</xdr:row>
      <xdr:rowOff>616483</xdr:rowOff>
    </xdr:to>
    <xdr:pic>
      <xdr:nvPicPr>
        <xdr:cNvPr id="109" name="图片 108" descr="IPC323x(1)"/>
        <xdr:cNvPicPr>
          <a:picLocks noChangeAspect="1"/>
        </xdr:cNvPicPr>
      </xdr:nvPicPr>
      <xdr:blipFill>
        <a:blip xmlns:r="http://schemas.openxmlformats.org/officeDocument/2006/relationships" r:embed="rId13">
          <a:extLst>
            <a:ext uri="{28A0092B-C50C-407E-A947-70E740481C1C}">
              <a14:useLocalDpi xmlns:a14="http://schemas.microsoft.com/office/drawing/2010/main"/>
            </a:ext>
          </a:extLst>
        </a:blip>
        <a:srcRect/>
        <a:stretch>
          <a:fillRect/>
        </a:stretch>
      </xdr:blipFill>
      <xdr:spPr>
        <a:xfrm>
          <a:off x="4023179" y="170259375"/>
          <a:ext cx="761999" cy="537108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2</xdr:col>
      <xdr:colOff>290232</xdr:colOff>
      <xdr:row>14</xdr:row>
      <xdr:rowOff>295303</xdr:rowOff>
    </xdr:from>
    <xdr:to>
      <xdr:col>2</xdr:col>
      <xdr:colOff>1031875</xdr:colOff>
      <xdr:row>15</xdr:row>
      <xdr:rowOff>301625</xdr:rowOff>
    </xdr:to>
    <xdr:pic>
      <xdr:nvPicPr>
        <xdr:cNvPr id="122" name="图片 5"/>
        <xdr:cNvPicPr>
          <a:picLocks noChangeAspect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3173" t="13543" r="18740" b="33360"/>
        <a:stretch>
          <a:fillRect/>
        </a:stretch>
      </xdr:blipFill>
      <xdr:spPr>
        <a:xfrm>
          <a:off x="4020857" y="12360303"/>
          <a:ext cx="741643" cy="641322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2</xdr:col>
      <xdr:colOff>224521</xdr:colOff>
      <xdr:row>16</xdr:row>
      <xdr:rowOff>198668</xdr:rowOff>
    </xdr:from>
    <xdr:to>
      <xdr:col>2</xdr:col>
      <xdr:colOff>1045321</xdr:colOff>
      <xdr:row>17</xdr:row>
      <xdr:rowOff>285641</xdr:rowOff>
    </xdr:to>
    <xdr:pic>
      <xdr:nvPicPr>
        <xdr:cNvPr id="142" name="图片 141"/>
        <xdr:cNvPicPr>
          <a:picLocks noChangeAspect="1"/>
        </xdr:cNvPicPr>
      </xdr:nvPicPr>
      <xdr:blipFill rotWithShape="1">
        <a:blip xmlns:r="http://schemas.openxmlformats.org/officeDocument/2006/relationships" r:embed="rId15" cstate="print"/>
        <a:srcRect l="34568" t="11562" r="22221" b="28588"/>
        <a:stretch/>
      </xdr:blipFill>
      <xdr:spPr>
        <a:xfrm>
          <a:off x="3955146" y="13533668"/>
          <a:ext cx="820800" cy="721973"/>
        </a:xfrm>
        <a:prstGeom prst="rect">
          <a:avLst/>
        </a:prstGeom>
      </xdr:spPr>
    </xdr:pic>
    <xdr:clientData/>
  </xdr:twoCellAnchor>
  <xdr:twoCellAnchor>
    <xdr:from>
      <xdr:col>2</xdr:col>
      <xdr:colOff>339730</xdr:colOff>
      <xdr:row>100</xdr:row>
      <xdr:rowOff>11285</xdr:rowOff>
    </xdr:from>
    <xdr:to>
      <xdr:col>2</xdr:col>
      <xdr:colOff>1042640</xdr:colOff>
      <xdr:row>100</xdr:row>
      <xdr:rowOff>542354</xdr:rowOff>
    </xdr:to>
    <xdr:pic>
      <xdr:nvPicPr>
        <xdr:cNvPr id="147" name="图片 146" descr="屏幕剪辑"/>
        <xdr:cNvPicPr>
          <a:picLocks noChangeAspect="1"/>
        </xdr:cNvPicPr>
      </xdr:nvPicPr>
      <xdr:blipFill>
        <a:blip xmlns:r="http://schemas.openxmlformats.org/officeDocument/2006/relationships" r:embed="rId1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70355" y="88276285"/>
          <a:ext cx="702910" cy="531069"/>
        </a:xfrm>
        <a:prstGeom prst="rect">
          <a:avLst/>
        </a:prstGeom>
      </xdr:spPr>
    </xdr:pic>
    <xdr:clientData/>
  </xdr:twoCellAnchor>
  <xdr:twoCellAnchor>
    <xdr:from>
      <xdr:col>2</xdr:col>
      <xdr:colOff>378281</xdr:colOff>
      <xdr:row>103</xdr:row>
      <xdr:rowOff>6586</xdr:rowOff>
    </xdr:from>
    <xdr:to>
      <xdr:col>2</xdr:col>
      <xdr:colOff>1060009</xdr:colOff>
      <xdr:row>104</xdr:row>
      <xdr:rowOff>26273</xdr:rowOff>
    </xdr:to>
    <xdr:pic>
      <xdr:nvPicPr>
        <xdr:cNvPr id="149" name="图片 148" descr="屏幕剪辑"/>
        <xdr:cNvPicPr>
          <a:picLocks noChangeAspect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108906" y="90176586"/>
          <a:ext cx="681728" cy="654687"/>
        </a:xfrm>
        <a:prstGeom prst="rect">
          <a:avLst/>
        </a:prstGeom>
      </xdr:spPr>
    </xdr:pic>
    <xdr:clientData/>
  </xdr:twoCellAnchor>
  <xdr:twoCellAnchor>
    <xdr:from>
      <xdr:col>2</xdr:col>
      <xdr:colOff>181508</xdr:colOff>
      <xdr:row>242</xdr:row>
      <xdr:rowOff>63500</xdr:rowOff>
    </xdr:from>
    <xdr:to>
      <xdr:col>2</xdr:col>
      <xdr:colOff>1301749</xdr:colOff>
      <xdr:row>242</xdr:row>
      <xdr:rowOff>597276</xdr:rowOff>
    </xdr:to>
    <xdr:pic>
      <xdr:nvPicPr>
        <xdr:cNvPr id="157" name="图片 156"/>
        <xdr:cNvPicPr>
          <a:picLocks noChangeAspect="1"/>
        </xdr:cNvPicPr>
      </xdr:nvPicPr>
      <xdr:blipFill>
        <a:blip xmlns:r="http://schemas.openxmlformats.org/officeDocument/2006/relationships" r:embed="rId18" cstate="print"/>
        <a:stretch>
          <a:fillRect/>
        </a:stretch>
      </xdr:blipFill>
      <xdr:spPr>
        <a:xfrm>
          <a:off x="3912133" y="188023500"/>
          <a:ext cx="1120241" cy="533776"/>
        </a:xfrm>
        <a:prstGeom prst="rect">
          <a:avLst/>
        </a:prstGeom>
      </xdr:spPr>
    </xdr:pic>
    <xdr:clientData/>
  </xdr:twoCellAnchor>
  <xdr:twoCellAnchor>
    <xdr:from>
      <xdr:col>2</xdr:col>
      <xdr:colOff>359815</xdr:colOff>
      <xdr:row>243</xdr:row>
      <xdr:rowOff>127000</xdr:rowOff>
    </xdr:from>
    <xdr:to>
      <xdr:col>2</xdr:col>
      <xdr:colOff>1127125</xdr:colOff>
      <xdr:row>243</xdr:row>
      <xdr:rowOff>632525</xdr:rowOff>
    </xdr:to>
    <xdr:pic>
      <xdr:nvPicPr>
        <xdr:cNvPr id="158" name="图片 157"/>
        <xdr:cNvPicPr>
          <a:picLocks noChangeAspect="1"/>
        </xdr:cNvPicPr>
      </xdr:nvPicPr>
      <xdr:blipFill>
        <a:blip xmlns:r="http://schemas.openxmlformats.org/officeDocument/2006/relationships" r:embed="rId1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4090440" y="189357000"/>
          <a:ext cx="767310" cy="50552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95676</xdr:colOff>
      <xdr:row>245</xdr:row>
      <xdr:rowOff>127001</xdr:rowOff>
    </xdr:from>
    <xdr:to>
      <xdr:col>2</xdr:col>
      <xdr:colOff>1015999</xdr:colOff>
      <xdr:row>245</xdr:row>
      <xdr:rowOff>585005</xdr:rowOff>
    </xdr:to>
    <xdr:pic>
      <xdr:nvPicPr>
        <xdr:cNvPr id="159" name="图片 158" descr="方视窗海螺-F"/>
        <xdr:cNvPicPr>
          <a:picLocks noChangeAspect="1"/>
        </xdr:cNvPicPr>
      </xdr:nvPicPr>
      <xdr:blipFill>
        <a:blip xmlns:r="http://schemas.openxmlformats.org/officeDocument/2006/relationships" r:embed="rId2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5626" t="14717" r="32106" b="30040"/>
        <a:stretch>
          <a:fillRect/>
        </a:stretch>
      </xdr:blipFill>
      <xdr:spPr>
        <a:xfrm>
          <a:off x="4026301" y="191262001"/>
          <a:ext cx="720323" cy="458004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21545</xdr:colOff>
      <xdr:row>188</xdr:row>
      <xdr:rowOff>47625</xdr:rowOff>
    </xdr:from>
    <xdr:to>
      <xdr:col>2</xdr:col>
      <xdr:colOff>1135012</xdr:colOff>
      <xdr:row>188</xdr:row>
      <xdr:rowOff>600828</xdr:rowOff>
    </xdr:to>
    <xdr:pic>
      <xdr:nvPicPr>
        <xdr:cNvPr id="164" name="图片 163" descr="屏幕剪辑"/>
        <xdr:cNvPicPr>
          <a:picLocks noChangeAspect="1"/>
        </xdr:cNvPicPr>
      </xdr:nvPicPr>
      <xdr:blipFill>
        <a:blip xmlns:r="http://schemas.openxmlformats.org/officeDocument/2006/relationships" r:embed="rId2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952170" y="148002625"/>
          <a:ext cx="913467" cy="553203"/>
        </a:xfrm>
        <a:prstGeom prst="rect">
          <a:avLst/>
        </a:prstGeom>
      </xdr:spPr>
    </xdr:pic>
    <xdr:clientData/>
  </xdr:twoCellAnchor>
  <xdr:twoCellAnchor>
    <xdr:from>
      <xdr:col>2</xdr:col>
      <xdr:colOff>304435</xdr:colOff>
      <xdr:row>184</xdr:row>
      <xdr:rowOff>335144</xdr:rowOff>
    </xdr:from>
    <xdr:to>
      <xdr:col>2</xdr:col>
      <xdr:colOff>1063625</xdr:colOff>
      <xdr:row>185</xdr:row>
      <xdr:rowOff>412750</xdr:rowOff>
    </xdr:to>
    <xdr:pic>
      <xdr:nvPicPr>
        <xdr:cNvPr id="165" name="图片 164" descr="屏幕剪辑"/>
        <xdr:cNvPicPr>
          <a:picLocks noChangeAspect="1"/>
        </xdr:cNvPicPr>
      </xdr:nvPicPr>
      <xdr:blipFill>
        <a:blip xmlns:r="http://schemas.openxmlformats.org/officeDocument/2006/relationships" r:embed="rId2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35060" y="145750144"/>
          <a:ext cx="759190" cy="712606"/>
        </a:xfrm>
        <a:prstGeom prst="rect">
          <a:avLst/>
        </a:prstGeom>
      </xdr:spPr>
    </xdr:pic>
    <xdr:clientData/>
  </xdr:twoCellAnchor>
  <xdr:twoCellAnchor>
    <xdr:from>
      <xdr:col>2</xdr:col>
      <xdr:colOff>62703</xdr:colOff>
      <xdr:row>186</xdr:row>
      <xdr:rowOff>174626</xdr:rowOff>
    </xdr:from>
    <xdr:to>
      <xdr:col>2</xdr:col>
      <xdr:colOff>1243363</xdr:colOff>
      <xdr:row>186</xdr:row>
      <xdr:rowOff>632944</xdr:rowOff>
    </xdr:to>
    <xdr:pic>
      <xdr:nvPicPr>
        <xdr:cNvPr id="166" name="图片 165"/>
        <xdr:cNvPicPr>
          <a:picLocks noChangeAspect="1"/>
        </xdr:cNvPicPr>
      </xdr:nvPicPr>
      <xdr:blipFill>
        <a:blip xmlns:r="http://schemas.openxmlformats.org/officeDocument/2006/relationships" r:embed="rId23" cstate="print"/>
        <a:stretch>
          <a:fillRect/>
        </a:stretch>
      </xdr:blipFill>
      <xdr:spPr>
        <a:xfrm>
          <a:off x="3793328" y="146859626"/>
          <a:ext cx="1180660" cy="458318"/>
        </a:xfrm>
        <a:prstGeom prst="rect">
          <a:avLst/>
        </a:prstGeom>
      </xdr:spPr>
    </xdr:pic>
    <xdr:clientData/>
  </xdr:twoCellAnchor>
  <xdr:twoCellAnchor>
    <xdr:from>
      <xdr:col>2</xdr:col>
      <xdr:colOff>339667</xdr:colOff>
      <xdr:row>144</xdr:row>
      <xdr:rowOff>128440</xdr:rowOff>
    </xdr:from>
    <xdr:to>
      <xdr:col>2</xdr:col>
      <xdr:colOff>1190625</xdr:colOff>
      <xdr:row>144</xdr:row>
      <xdr:rowOff>601265</xdr:rowOff>
    </xdr:to>
    <xdr:pic>
      <xdr:nvPicPr>
        <xdr:cNvPr id="167" name="图片 166"/>
        <xdr:cNvPicPr>
          <a:picLocks noChangeAspect="1"/>
        </xdr:cNvPicPr>
      </xdr:nvPicPr>
      <xdr:blipFill>
        <a:blip xmlns:r="http://schemas.openxmlformats.org/officeDocument/2006/relationships" r:embed="rId24" cstate="print"/>
        <a:stretch>
          <a:fillRect/>
        </a:stretch>
      </xdr:blipFill>
      <xdr:spPr>
        <a:xfrm>
          <a:off x="4070292" y="121413440"/>
          <a:ext cx="850958" cy="472825"/>
        </a:xfrm>
        <a:prstGeom prst="rect">
          <a:avLst/>
        </a:prstGeom>
      </xdr:spPr>
    </xdr:pic>
    <xdr:clientData/>
  </xdr:twoCellAnchor>
  <xdr:twoCellAnchor>
    <xdr:from>
      <xdr:col>2</xdr:col>
      <xdr:colOff>283094</xdr:colOff>
      <xdr:row>138</xdr:row>
      <xdr:rowOff>427498</xdr:rowOff>
    </xdr:from>
    <xdr:to>
      <xdr:col>2</xdr:col>
      <xdr:colOff>1130837</xdr:colOff>
      <xdr:row>139</xdr:row>
      <xdr:rowOff>285749</xdr:rowOff>
    </xdr:to>
    <xdr:pic>
      <xdr:nvPicPr>
        <xdr:cNvPr id="168" name="图片 167"/>
        <xdr:cNvPicPr>
          <a:picLocks noChangeAspect="1"/>
        </xdr:cNvPicPr>
      </xdr:nvPicPr>
      <xdr:blipFill>
        <a:blip xmlns:r="http://schemas.openxmlformats.org/officeDocument/2006/relationships" r:embed="rId25" cstate="print"/>
        <a:stretch>
          <a:fillRect/>
        </a:stretch>
      </xdr:blipFill>
      <xdr:spPr>
        <a:xfrm>
          <a:off x="4013719" y="117902498"/>
          <a:ext cx="847743" cy="493251"/>
        </a:xfrm>
        <a:prstGeom prst="rect">
          <a:avLst/>
        </a:prstGeom>
      </xdr:spPr>
    </xdr:pic>
    <xdr:clientData/>
  </xdr:twoCellAnchor>
  <xdr:twoCellAnchor>
    <xdr:from>
      <xdr:col>2</xdr:col>
      <xdr:colOff>331576</xdr:colOff>
      <xdr:row>143</xdr:row>
      <xdr:rowOff>95250</xdr:rowOff>
    </xdr:from>
    <xdr:to>
      <xdr:col>2</xdr:col>
      <xdr:colOff>1031875</xdr:colOff>
      <xdr:row>143</xdr:row>
      <xdr:rowOff>576387</xdr:rowOff>
    </xdr:to>
    <xdr:pic>
      <xdr:nvPicPr>
        <xdr:cNvPr id="169" name="图片 168"/>
        <xdr:cNvPicPr>
          <a:picLocks noChangeAspect="1"/>
        </xdr:cNvPicPr>
      </xdr:nvPicPr>
      <xdr:blipFill>
        <a:blip xmlns:r="http://schemas.openxmlformats.org/officeDocument/2006/relationships" r:embed="rId26" cstate="print"/>
        <a:stretch>
          <a:fillRect/>
        </a:stretch>
      </xdr:blipFill>
      <xdr:spPr>
        <a:xfrm>
          <a:off x="4062201" y="120745250"/>
          <a:ext cx="700299" cy="481137"/>
        </a:xfrm>
        <a:prstGeom prst="rect">
          <a:avLst/>
        </a:prstGeom>
      </xdr:spPr>
    </xdr:pic>
    <xdr:clientData/>
  </xdr:twoCellAnchor>
  <xdr:twoCellAnchor>
    <xdr:from>
      <xdr:col>2</xdr:col>
      <xdr:colOff>216307</xdr:colOff>
      <xdr:row>140</xdr:row>
      <xdr:rowOff>149592</xdr:rowOff>
    </xdr:from>
    <xdr:to>
      <xdr:col>2</xdr:col>
      <xdr:colOff>1113303</xdr:colOff>
      <xdr:row>140</xdr:row>
      <xdr:rowOff>587375</xdr:rowOff>
    </xdr:to>
    <xdr:pic>
      <xdr:nvPicPr>
        <xdr:cNvPr id="170" name="图片 169"/>
        <xdr:cNvPicPr>
          <a:picLocks noChangeAspect="1"/>
        </xdr:cNvPicPr>
      </xdr:nvPicPr>
      <xdr:blipFill>
        <a:blip xmlns:r="http://schemas.openxmlformats.org/officeDocument/2006/relationships" r:embed="rId27" cstate="print"/>
        <a:stretch>
          <a:fillRect/>
        </a:stretch>
      </xdr:blipFill>
      <xdr:spPr>
        <a:xfrm>
          <a:off x="3946932" y="118894592"/>
          <a:ext cx="896996" cy="437783"/>
        </a:xfrm>
        <a:prstGeom prst="rect">
          <a:avLst/>
        </a:prstGeom>
      </xdr:spPr>
    </xdr:pic>
    <xdr:clientData/>
  </xdr:twoCellAnchor>
  <xdr:twoCellAnchor>
    <xdr:from>
      <xdr:col>2</xdr:col>
      <xdr:colOff>166406</xdr:colOff>
      <xdr:row>133</xdr:row>
      <xdr:rowOff>396875</xdr:rowOff>
    </xdr:from>
    <xdr:to>
      <xdr:col>2</xdr:col>
      <xdr:colOff>1365250</xdr:colOff>
      <xdr:row>134</xdr:row>
      <xdr:rowOff>301624</xdr:rowOff>
    </xdr:to>
    <xdr:pic>
      <xdr:nvPicPr>
        <xdr:cNvPr id="171" name="图片 170"/>
        <xdr:cNvPicPr>
          <a:picLocks noChangeAspect="1"/>
        </xdr:cNvPicPr>
      </xdr:nvPicPr>
      <xdr:blipFill>
        <a:blip xmlns:r="http://schemas.openxmlformats.org/officeDocument/2006/relationships" r:embed="rId28" cstate="print"/>
        <a:stretch>
          <a:fillRect/>
        </a:stretch>
      </xdr:blipFill>
      <xdr:spPr>
        <a:xfrm>
          <a:off x="3897031" y="114696875"/>
          <a:ext cx="1198844" cy="539749"/>
        </a:xfrm>
        <a:prstGeom prst="rect">
          <a:avLst/>
        </a:prstGeom>
      </xdr:spPr>
    </xdr:pic>
    <xdr:clientData/>
  </xdr:twoCellAnchor>
  <xdr:twoCellAnchor>
    <xdr:from>
      <xdr:col>2</xdr:col>
      <xdr:colOff>224743</xdr:colOff>
      <xdr:row>136</xdr:row>
      <xdr:rowOff>392073</xdr:rowOff>
    </xdr:from>
    <xdr:to>
      <xdr:col>2</xdr:col>
      <xdr:colOff>1168350</xdr:colOff>
      <xdr:row>137</xdr:row>
      <xdr:rowOff>333375</xdr:rowOff>
    </xdr:to>
    <xdr:pic>
      <xdr:nvPicPr>
        <xdr:cNvPr id="172" name="图片 171"/>
        <xdr:cNvPicPr>
          <a:picLocks noChangeAspect="1"/>
        </xdr:cNvPicPr>
      </xdr:nvPicPr>
      <xdr:blipFill>
        <a:blip xmlns:r="http://schemas.openxmlformats.org/officeDocument/2006/relationships" r:embed="rId29" cstate="print"/>
        <a:stretch>
          <a:fillRect/>
        </a:stretch>
      </xdr:blipFill>
      <xdr:spPr>
        <a:xfrm>
          <a:off x="3955368" y="116597073"/>
          <a:ext cx="943607" cy="576302"/>
        </a:xfrm>
        <a:prstGeom prst="rect">
          <a:avLst/>
        </a:prstGeom>
      </xdr:spPr>
    </xdr:pic>
    <xdr:clientData/>
  </xdr:twoCellAnchor>
  <xdr:twoCellAnchor>
    <xdr:from>
      <xdr:col>2</xdr:col>
      <xdr:colOff>323885</xdr:colOff>
      <xdr:row>155</xdr:row>
      <xdr:rowOff>115876</xdr:rowOff>
    </xdr:from>
    <xdr:to>
      <xdr:col>2</xdr:col>
      <xdr:colOff>1031875</xdr:colOff>
      <xdr:row>155</xdr:row>
      <xdr:rowOff>629266</xdr:rowOff>
    </xdr:to>
    <xdr:pic>
      <xdr:nvPicPr>
        <xdr:cNvPr id="173" name="图片 172"/>
        <xdr:cNvPicPr>
          <a:picLocks noChangeAspect="1"/>
        </xdr:cNvPicPr>
      </xdr:nvPicPr>
      <xdr:blipFill>
        <a:blip xmlns:r="http://schemas.openxmlformats.org/officeDocument/2006/relationships" r:embed="rId30" cstate="print"/>
        <a:stretch>
          <a:fillRect/>
        </a:stretch>
      </xdr:blipFill>
      <xdr:spPr>
        <a:xfrm>
          <a:off x="4054510" y="128385876"/>
          <a:ext cx="707990" cy="513390"/>
        </a:xfrm>
        <a:prstGeom prst="rect">
          <a:avLst/>
        </a:prstGeom>
      </xdr:spPr>
    </xdr:pic>
    <xdr:clientData/>
  </xdr:twoCellAnchor>
  <xdr:twoCellAnchor>
    <xdr:from>
      <xdr:col>2</xdr:col>
      <xdr:colOff>211715</xdr:colOff>
      <xdr:row>151</xdr:row>
      <xdr:rowOff>484910</xdr:rowOff>
    </xdr:from>
    <xdr:to>
      <xdr:col>2</xdr:col>
      <xdr:colOff>1095374</xdr:colOff>
      <xdr:row>152</xdr:row>
      <xdr:rowOff>388084</xdr:rowOff>
    </xdr:to>
    <xdr:pic>
      <xdr:nvPicPr>
        <xdr:cNvPr id="174" name="图片 173"/>
        <xdr:cNvPicPr>
          <a:picLocks noChangeAspect="1"/>
        </xdr:cNvPicPr>
      </xdr:nvPicPr>
      <xdr:blipFill>
        <a:blip xmlns:r="http://schemas.openxmlformats.org/officeDocument/2006/relationships" r:embed="rId25" cstate="print"/>
        <a:stretch>
          <a:fillRect/>
        </a:stretch>
      </xdr:blipFill>
      <xdr:spPr>
        <a:xfrm>
          <a:off x="3942340" y="126214910"/>
          <a:ext cx="883659" cy="538174"/>
        </a:xfrm>
        <a:prstGeom prst="rect">
          <a:avLst/>
        </a:prstGeom>
      </xdr:spPr>
    </xdr:pic>
    <xdr:clientData/>
  </xdr:twoCellAnchor>
  <xdr:twoCellAnchor>
    <xdr:from>
      <xdr:col>2</xdr:col>
      <xdr:colOff>275483</xdr:colOff>
      <xdr:row>154</xdr:row>
      <xdr:rowOff>111125</xdr:rowOff>
    </xdr:from>
    <xdr:to>
      <xdr:col>2</xdr:col>
      <xdr:colOff>1127125</xdr:colOff>
      <xdr:row>154</xdr:row>
      <xdr:rowOff>631291</xdr:rowOff>
    </xdr:to>
    <xdr:pic>
      <xdr:nvPicPr>
        <xdr:cNvPr id="175" name="图片 174"/>
        <xdr:cNvPicPr>
          <a:picLocks noChangeAspect="1"/>
        </xdr:cNvPicPr>
      </xdr:nvPicPr>
      <xdr:blipFill>
        <a:blip xmlns:r="http://schemas.openxmlformats.org/officeDocument/2006/relationships" r:embed="rId31" cstate="print"/>
        <a:stretch>
          <a:fillRect/>
        </a:stretch>
      </xdr:blipFill>
      <xdr:spPr>
        <a:xfrm>
          <a:off x="4006108" y="127746125"/>
          <a:ext cx="851642" cy="520166"/>
        </a:xfrm>
        <a:prstGeom prst="rect">
          <a:avLst/>
        </a:prstGeom>
      </xdr:spPr>
    </xdr:pic>
    <xdr:clientData/>
  </xdr:twoCellAnchor>
  <xdr:twoCellAnchor>
    <xdr:from>
      <xdr:col>2</xdr:col>
      <xdr:colOff>234867</xdr:colOff>
      <xdr:row>153</xdr:row>
      <xdr:rowOff>174625</xdr:rowOff>
    </xdr:from>
    <xdr:to>
      <xdr:col>2</xdr:col>
      <xdr:colOff>1195068</xdr:colOff>
      <xdr:row>153</xdr:row>
      <xdr:rowOff>579776</xdr:rowOff>
    </xdr:to>
    <xdr:pic>
      <xdr:nvPicPr>
        <xdr:cNvPr id="176" name="图片 175"/>
        <xdr:cNvPicPr>
          <a:picLocks noChangeAspect="1"/>
        </xdr:cNvPicPr>
      </xdr:nvPicPr>
      <xdr:blipFill>
        <a:blip xmlns:r="http://schemas.openxmlformats.org/officeDocument/2006/relationships" r:embed="rId32" cstate="print"/>
        <a:stretch>
          <a:fillRect/>
        </a:stretch>
      </xdr:blipFill>
      <xdr:spPr>
        <a:xfrm>
          <a:off x="3965492" y="127174625"/>
          <a:ext cx="960201" cy="405151"/>
        </a:xfrm>
        <a:prstGeom prst="rect">
          <a:avLst/>
        </a:prstGeom>
      </xdr:spPr>
    </xdr:pic>
    <xdr:clientData/>
  </xdr:twoCellAnchor>
  <xdr:twoCellAnchor>
    <xdr:from>
      <xdr:col>2</xdr:col>
      <xdr:colOff>85183</xdr:colOff>
      <xdr:row>147</xdr:row>
      <xdr:rowOff>412750</xdr:rowOff>
    </xdr:from>
    <xdr:to>
      <xdr:col>2</xdr:col>
      <xdr:colOff>1349375</xdr:colOff>
      <xdr:row>148</xdr:row>
      <xdr:rowOff>317499</xdr:rowOff>
    </xdr:to>
    <xdr:pic>
      <xdr:nvPicPr>
        <xdr:cNvPr id="177" name="图片 176"/>
        <xdr:cNvPicPr>
          <a:picLocks noChangeAspect="1"/>
        </xdr:cNvPicPr>
      </xdr:nvPicPr>
      <xdr:blipFill>
        <a:blip xmlns:r="http://schemas.openxmlformats.org/officeDocument/2006/relationships" r:embed="rId33" cstate="print"/>
        <a:stretch>
          <a:fillRect/>
        </a:stretch>
      </xdr:blipFill>
      <xdr:spPr>
        <a:xfrm>
          <a:off x="4863558" y="126142750"/>
          <a:ext cx="1264192" cy="539749"/>
        </a:xfrm>
        <a:prstGeom prst="rect">
          <a:avLst/>
        </a:prstGeom>
      </xdr:spPr>
    </xdr:pic>
    <xdr:clientData/>
  </xdr:twoCellAnchor>
  <xdr:twoCellAnchor>
    <xdr:from>
      <xdr:col>2</xdr:col>
      <xdr:colOff>246748</xdr:colOff>
      <xdr:row>149</xdr:row>
      <xdr:rowOff>266713</xdr:rowOff>
    </xdr:from>
    <xdr:to>
      <xdr:col>2</xdr:col>
      <xdr:colOff>1133115</xdr:colOff>
      <xdr:row>150</xdr:row>
      <xdr:rowOff>238124</xdr:rowOff>
    </xdr:to>
    <xdr:pic>
      <xdr:nvPicPr>
        <xdr:cNvPr id="178" name="图片 177"/>
        <xdr:cNvPicPr>
          <a:picLocks noChangeAspect="1"/>
        </xdr:cNvPicPr>
      </xdr:nvPicPr>
      <xdr:blipFill>
        <a:blip xmlns:r="http://schemas.openxmlformats.org/officeDocument/2006/relationships" r:embed="rId29" cstate="print"/>
        <a:stretch>
          <a:fillRect/>
        </a:stretch>
      </xdr:blipFill>
      <xdr:spPr>
        <a:xfrm>
          <a:off x="3977373" y="124726713"/>
          <a:ext cx="886367" cy="606411"/>
        </a:xfrm>
        <a:prstGeom prst="rect">
          <a:avLst/>
        </a:prstGeom>
      </xdr:spPr>
    </xdr:pic>
    <xdr:clientData/>
  </xdr:twoCellAnchor>
  <xdr:twoCellAnchor>
    <xdr:from>
      <xdr:col>2</xdr:col>
      <xdr:colOff>369014</xdr:colOff>
      <xdr:row>179</xdr:row>
      <xdr:rowOff>111126</xdr:rowOff>
    </xdr:from>
    <xdr:to>
      <xdr:col>2</xdr:col>
      <xdr:colOff>1039978</xdr:colOff>
      <xdr:row>179</xdr:row>
      <xdr:rowOff>566992</xdr:rowOff>
    </xdr:to>
    <xdr:pic>
      <xdr:nvPicPr>
        <xdr:cNvPr id="179" name="图片 178"/>
        <xdr:cNvPicPr>
          <a:picLocks noChangeAspect="1"/>
        </xdr:cNvPicPr>
      </xdr:nvPicPr>
      <xdr:blipFill>
        <a:blip xmlns:r="http://schemas.openxmlformats.org/officeDocument/2006/relationships" r:embed="rId34" cstate="print"/>
        <a:stretch>
          <a:fillRect/>
        </a:stretch>
      </xdr:blipFill>
      <xdr:spPr>
        <a:xfrm>
          <a:off x="4099639" y="143621126"/>
          <a:ext cx="670964" cy="455866"/>
        </a:xfrm>
        <a:prstGeom prst="rect">
          <a:avLst/>
        </a:prstGeom>
      </xdr:spPr>
    </xdr:pic>
    <xdr:clientData/>
  </xdr:twoCellAnchor>
  <xdr:twoCellAnchor>
    <xdr:from>
      <xdr:col>2</xdr:col>
      <xdr:colOff>253668</xdr:colOff>
      <xdr:row>175</xdr:row>
      <xdr:rowOff>423921</xdr:rowOff>
    </xdr:from>
    <xdr:to>
      <xdr:col>2</xdr:col>
      <xdr:colOff>1095375</xdr:colOff>
      <xdr:row>176</xdr:row>
      <xdr:rowOff>273647</xdr:rowOff>
    </xdr:to>
    <xdr:pic>
      <xdr:nvPicPr>
        <xdr:cNvPr id="180" name="图片 179"/>
        <xdr:cNvPicPr>
          <a:picLocks noChangeAspect="1"/>
        </xdr:cNvPicPr>
      </xdr:nvPicPr>
      <xdr:blipFill>
        <a:blip xmlns:r="http://schemas.openxmlformats.org/officeDocument/2006/relationships" r:embed="rId35" cstate="print"/>
        <a:stretch>
          <a:fillRect/>
        </a:stretch>
      </xdr:blipFill>
      <xdr:spPr>
        <a:xfrm>
          <a:off x="3984293" y="141393921"/>
          <a:ext cx="841707" cy="484726"/>
        </a:xfrm>
        <a:prstGeom prst="rect">
          <a:avLst/>
        </a:prstGeom>
      </xdr:spPr>
    </xdr:pic>
    <xdr:clientData/>
  </xdr:twoCellAnchor>
  <xdr:twoCellAnchor>
    <xdr:from>
      <xdr:col>2</xdr:col>
      <xdr:colOff>301500</xdr:colOff>
      <xdr:row>178</xdr:row>
      <xdr:rowOff>127000</xdr:rowOff>
    </xdr:from>
    <xdr:to>
      <xdr:col>2</xdr:col>
      <xdr:colOff>1077812</xdr:colOff>
      <xdr:row>178</xdr:row>
      <xdr:rowOff>569232</xdr:rowOff>
    </xdr:to>
    <xdr:pic>
      <xdr:nvPicPr>
        <xdr:cNvPr id="181" name="图片 180"/>
        <xdr:cNvPicPr>
          <a:picLocks noChangeAspect="1"/>
        </xdr:cNvPicPr>
      </xdr:nvPicPr>
      <xdr:blipFill>
        <a:blip xmlns:r="http://schemas.openxmlformats.org/officeDocument/2006/relationships" r:embed="rId36" cstate="print"/>
        <a:stretch>
          <a:fillRect/>
        </a:stretch>
      </xdr:blipFill>
      <xdr:spPr>
        <a:xfrm>
          <a:off x="4032125" y="143002000"/>
          <a:ext cx="776312" cy="442232"/>
        </a:xfrm>
        <a:prstGeom prst="rect">
          <a:avLst/>
        </a:prstGeom>
      </xdr:spPr>
    </xdr:pic>
    <xdr:clientData/>
  </xdr:twoCellAnchor>
  <xdr:twoCellAnchor>
    <xdr:from>
      <xdr:col>2</xdr:col>
      <xdr:colOff>231589</xdr:colOff>
      <xdr:row>177</xdr:row>
      <xdr:rowOff>206376</xdr:rowOff>
    </xdr:from>
    <xdr:to>
      <xdr:col>2</xdr:col>
      <xdr:colOff>1245965</xdr:colOff>
      <xdr:row>177</xdr:row>
      <xdr:rowOff>632432</xdr:rowOff>
    </xdr:to>
    <xdr:pic>
      <xdr:nvPicPr>
        <xdr:cNvPr id="182" name="图片 181"/>
        <xdr:cNvPicPr>
          <a:picLocks noChangeAspect="1"/>
        </xdr:cNvPicPr>
      </xdr:nvPicPr>
      <xdr:blipFill>
        <a:blip xmlns:r="http://schemas.openxmlformats.org/officeDocument/2006/relationships" r:embed="rId37" cstate="print"/>
        <a:stretch>
          <a:fillRect/>
        </a:stretch>
      </xdr:blipFill>
      <xdr:spPr>
        <a:xfrm>
          <a:off x="3962214" y="142446376"/>
          <a:ext cx="1014376" cy="426056"/>
        </a:xfrm>
        <a:prstGeom prst="rect">
          <a:avLst/>
        </a:prstGeom>
      </xdr:spPr>
    </xdr:pic>
    <xdr:clientData/>
  </xdr:twoCellAnchor>
  <xdr:twoCellAnchor>
    <xdr:from>
      <xdr:col>2</xdr:col>
      <xdr:colOff>312195</xdr:colOff>
      <xdr:row>169</xdr:row>
      <xdr:rowOff>429299</xdr:rowOff>
    </xdr:from>
    <xdr:to>
      <xdr:col>2</xdr:col>
      <xdr:colOff>1170125</xdr:colOff>
      <xdr:row>170</xdr:row>
      <xdr:rowOff>147574</xdr:rowOff>
    </xdr:to>
    <xdr:pic>
      <xdr:nvPicPr>
        <xdr:cNvPr id="183" name="图片 182"/>
        <xdr:cNvPicPr>
          <a:picLocks noChangeAspect="1"/>
        </xdr:cNvPicPr>
      </xdr:nvPicPr>
      <xdr:blipFill>
        <a:blip xmlns:r="http://schemas.openxmlformats.org/officeDocument/2006/relationships" r:embed="rId38" cstate="print"/>
        <a:stretch>
          <a:fillRect/>
        </a:stretch>
      </xdr:blipFill>
      <xdr:spPr>
        <a:xfrm>
          <a:off x="4055118" y="106867820"/>
          <a:ext cx="857930" cy="348803"/>
        </a:xfrm>
        <a:prstGeom prst="rect">
          <a:avLst/>
        </a:prstGeom>
      </xdr:spPr>
    </xdr:pic>
    <xdr:clientData/>
  </xdr:twoCellAnchor>
  <xdr:twoCellAnchor>
    <xdr:from>
      <xdr:col>2</xdr:col>
      <xdr:colOff>359950</xdr:colOff>
      <xdr:row>173</xdr:row>
      <xdr:rowOff>505104</xdr:rowOff>
    </xdr:from>
    <xdr:to>
      <xdr:col>2</xdr:col>
      <xdr:colOff>1100070</xdr:colOff>
      <xdr:row>174</xdr:row>
      <xdr:rowOff>318812</xdr:rowOff>
    </xdr:to>
    <xdr:pic>
      <xdr:nvPicPr>
        <xdr:cNvPr id="184" name="图片 183"/>
        <xdr:cNvPicPr>
          <a:picLocks noChangeAspect="1"/>
        </xdr:cNvPicPr>
      </xdr:nvPicPr>
      <xdr:blipFill>
        <a:blip xmlns:r="http://schemas.openxmlformats.org/officeDocument/2006/relationships" r:embed="rId29" cstate="print"/>
        <a:stretch>
          <a:fillRect/>
        </a:stretch>
      </xdr:blipFill>
      <xdr:spPr>
        <a:xfrm>
          <a:off x="4102873" y="109385245"/>
          <a:ext cx="740120" cy="645468"/>
        </a:xfrm>
        <a:prstGeom prst="rect">
          <a:avLst/>
        </a:prstGeom>
      </xdr:spPr>
    </xdr:pic>
    <xdr:clientData/>
  </xdr:twoCellAnchor>
  <xdr:twoCellAnchor>
    <xdr:from>
      <xdr:col>2</xdr:col>
      <xdr:colOff>182816</xdr:colOff>
      <xdr:row>187</xdr:row>
      <xdr:rowOff>158750</xdr:rowOff>
    </xdr:from>
    <xdr:to>
      <xdr:col>2</xdr:col>
      <xdr:colOff>1079499</xdr:colOff>
      <xdr:row>187</xdr:row>
      <xdr:rowOff>627289</xdr:rowOff>
    </xdr:to>
    <xdr:pic>
      <xdr:nvPicPr>
        <xdr:cNvPr id="185" name="图片 184" descr="0235C4NK 2"/>
        <xdr:cNvPicPr>
          <a:picLocks noChangeAspect="1"/>
        </xdr:cNvPicPr>
      </xdr:nvPicPr>
      <xdr:blipFill>
        <a:blip xmlns:r="http://schemas.openxmlformats.org/officeDocument/2006/relationships" r:embed="rId39" cstate="print"/>
        <a:srcRect l="27284" t="21492" r="27235" b="20598"/>
        <a:stretch>
          <a:fillRect/>
        </a:stretch>
      </xdr:blipFill>
      <xdr:spPr>
        <a:xfrm>
          <a:off x="3913441" y="147478750"/>
          <a:ext cx="896683" cy="468539"/>
        </a:xfrm>
        <a:prstGeom prst="rect">
          <a:avLst/>
        </a:prstGeom>
      </xdr:spPr>
    </xdr:pic>
    <xdr:clientData/>
  </xdr:twoCellAnchor>
  <xdr:twoCellAnchor>
    <xdr:from>
      <xdr:col>2</xdr:col>
      <xdr:colOff>168630</xdr:colOff>
      <xdr:row>221</xdr:row>
      <xdr:rowOff>508000</xdr:rowOff>
    </xdr:from>
    <xdr:to>
      <xdr:col>2</xdr:col>
      <xdr:colOff>1285876</xdr:colOff>
      <xdr:row>222</xdr:row>
      <xdr:rowOff>301625</xdr:rowOff>
    </xdr:to>
    <xdr:pic>
      <xdr:nvPicPr>
        <xdr:cNvPr id="186" name="图片 185"/>
        <xdr:cNvPicPr>
          <a:picLocks noChangeAspect="1"/>
        </xdr:cNvPicPr>
      </xdr:nvPicPr>
      <xdr:blipFill>
        <a:blip xmlns:r="http://schemas.openxmlformats.org/officeDocument/2006/relationships" r:embed="rId40" cstate="print"/>
        <a:stretch>
          <a:fillRect/>
        </a:stretch>
      </xdr:blipFill>
      <xdr:spPr>
        <a:xfrm>
          <a:off x="3899255" y="178943000"/>
          <a:ext cx="1117246" cy="428625"/>
        </a:xfrm>
        <a:prstGeom prst="rect">
          <a:avLst/>
        </a:prstGeom>
      </xdr:spPr>
    </xdr:pic>
    <xdr:clientData/>
  </xdr:twoCellAnchor>
  <xdr:twoCellAnchor>
    <xdr:from>
      <xdr:col>2</xdr:col>
      <xdr:colOff>289176</xdr:colOff>
      <xdr:row>223</xdr:row>
      <xdr:rowOff>412750</xdr:rowOff>
    </xdr:from>
    <xdr:to>
      <xdr:col>2</xdr:col>
      <xdr:colOff>1043416</xdr:colOff>
      <xdr:row>224</xdr:row>
      <xdr:rowOff>231405</xdr:rowOff>
    </xdr:to>
    <xdr:pic>
      <xdr:nvPicPr>
        <xdr:cNvPr id="189" name="图片 188"/>
        <xdr:cNvPicPr>
          <a:picLocks noChangeAspect="1"/>
        </xdr:cNvPicPr>
      </xdr:nvPicPr>
      <xdr:blipFill>
        <a:blip xmlns:r="http://schemas.openxmlformats.org/officeDocument/2006/relationships" r:embed="rId41" cstate="print"/>
        <a:stretch>
          <a:fillRect/>
        </a:stretch>
      </xdr:blipFill>
      <xdr:spPr>
        <a:xfrm>
          <a:off x="4019801" y="180117750"/>
          <a:ext cx="754240" cy="453655"/>
        </a:xfrm>
        <a:prstGeom prst="rect">
          <a:avLst/>
        </a:prstGeom>
      </xdr:spPr>
    </xdr:pic>
    <xdr:clientData/>
  </xdr:twoCellAnchor>
  <xdr:twoCellAnchor>
    <xdr:from>
      <xdr:col>2</xdr:col>
      <xdr:colOff>21772</xdr:colOff>
      <xdr:row>28</xdr:row>
      <xdr:rowOff>185062</xdr:rowOff>
    </xdr:from>
    <xdr:to>
      <xdr:col>2</xdr:col>
      <xdr:colOff>1254125</xdr:colOff>
      <xdr:row>29</xdr:row>
      <xdr:rowOff>281672</xdr:rowOff>
    </xdr:to>
    <xdr:pic>
      <xdr:nvPicPr>
        <xdr:cNvPr id="409" name="图片 14"/>
        <xdr:cNvPicPr>
          <a:picLocks noChangeAspect="1"/>
        </xdr:cNvPicPr>
      </xdr:nvPicPr>
      <xdr:blipFill>
        <a:blip xmlns:r="http://schemas.openxmlformats.org/officeDocument/2006/relationships" r:embed="rId7"/>
        <a:srcRect/>
        <a:stretch>
          <a:fillRect/>
        </a:stretch>
      </xdr:blipFill>
      <xdr:spPr bwMode="auto">
        <a:xfrm>
          <a:off x="3752397" y="18600062"/>
          <a:ext cx="1232353" cy="73161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73451</xdr:colOff>
      <xdr:row>30</xdr:row>
      <xdr:rowOff>276710</xdr:rowOff>
    </xdr:from>
    <xdr:to>
      <xdr:col>2</xdr:col>
      <xdr:colOff>1127125</xdr:colOff>
      <xdr:row>31</xdr:row>
      <xdr:rowOff>368758</xdr:rowOff>
    </xdr:to>
    <xdr:pic>
      <xdr:nvPicPr>
        <xdr:cNvPr id="410" name="图片 5"/>
        <xdr:cNvPicPr>
          <a:picLocks noChangeAspect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3173" t="13543" r="18740" b="33360"/>
        <a:stretch>
          <a:fillRect/>
        </a:stretch>
      </xdr:blipFill>
      <xdr:spPr>
        <a:xfrm>
          <a:off x="4004076" y="19961710"/>
          <a:ext cx="853674" cy="727048"/>
        </a:xfrm>
        <a:prstGeom prst="rect">
          <a:avLst/>
        </a:prstGeom>
        <a:ln>
          <a:noFill/>
        </a:ln>
      </xdr:spPr>
    </xdr:pic>
    <xdr:clientData/>
  </xdr:twoCellAnchor>
  <xdr:twoCellAnchor>
    <xdr:from>
      <xdr:col>2</xdr:col>
      <xdr:colOff>239489</xdr:colOff>
      <xdr:row>32</xdr:row>
      <xdr:rowOff>243575</xdr:rowOff>
    </xdr:from>
    <xdr:to>
      <xdr:col>2</xdr:col>
      <xdr:colOff>1158874</xdr:colOff>
      <xdr:row>33</xdr:row>
      <xdr:rowOff>405376</xdr:rowOff>
    </xdr:to>
    <xdr:pic>
      <xdr:nvPicPr>
        <xdr:cNvPr id="411" name="图片 410"/>
        <xdr:cNvPicPr>
          <a:picLocks noChangeAspect="1"/>
        </xdr:cNvPicPr>
      </xdr:nvPicPr>
      <xdr:blipFill rotWithShape="1">
        <a:blip xmlns:r="http://schemas.openxmlformats.org/officeDocument/2006/relationships" r:embed="rId15" cstate="print"/>
        <a:srcRect l="34568" t="11562" r="22221" b="28588"/>
        <a:stretch/>
      </xdr:blipFill>
      <xdr:spPr>
        <a:xfrm>
          <a:off x="3970114" y="21198575"/>
          <a:ext cx="919385" cy="796801"/>
        </a:xfrm>
        <a:prstGeom prst="rect">
          <a:avLst/>
        </a:prstGeom>
      </xdr:spPr>
    </xdr:pic>
    <xdr:clientData/>
  </xdr:twoCellAnchor>
  <xdr:twoCellAnchor>
    <xdr:from>
      <xdr:col>2</xdr:col>
      <xdr:colOff>217462</xdr:colOff>
      <xdr:row>53</xdr:row>
      <xdr:rowOff>349249</xdr:rowOff>
    </xdr:from>
    <xdr:to>
      <xdr:col>2</xdr:col>
      <xdr:colOff>1174750</xdr:colOff>
      <xdr:row>54</xdr:row>
      <xdr:rowOff>232680</xdr:rowOff>
    </xdr:to>
    <xdr:pic>
      <xdr:nvPicPr>
        <xdr:cNvPr id="448" name="图片 447" descr="屏幕剪辑"/>
        <xdr:cNvPicPr>
          <a:picLocks noChangeAspect="1"/>
        </xdr:cNvPicPr>
      </xdr:nvPicPr>
      <xdr:blipFill>
        <a:blip xmlns:r="http://schemas.openxmlformats.org/officeDocument/2006/relationships" r:embed="rId4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948087" y="47974249"/>
          <a:ext cx="957288" cy="518431"/>
        </a:xfrm>
        <a:prstGeom prst="rect">
          <a:avLst/>
        </a:prstGeom>
      </xdr:spPr>
    </xdr:pic>
    <xdr:clientData/>
  </xdr:twoCellAnchor>
  <xdr:twoCellAnchor>
    <xdr:from>
      <xdr:col>2</xdr:col>
      <xdr:colOff>261261</xdr:colOff>
      <xdr:row>55</xdr:row>
      <xdr:rowOff>216357</xdr:rowOff>
    </xdr:from>
    <xdr:to>
      <xdr:col>2</xdr:col>
      <xdr:colOff>1143000</xdr:colOff>
      <xdr:row>56</xdr:row>
      <xdr:rowOff>319768</xdr:rowOff>
    </xdr:to>
    <xdr:pic>
      <xdr:nvPicPr>
        <xdr:cNvPr id="449" name="图片 448" descr="屏幕剪辑"/>
        <xdr:cNvPicPr>
          <a:picLocks noChangeAspect="1"/>
        </xdr:cNvPicPr>
      </xdr:nvPicPr>
      <xdr:blipFill>
        <a:blip xmlns:r="http://schemas.openxmlformats.org/officeDocument/2006/relationships" r:embed="rId4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991886" y="49111357"/>
          <a:ext cx="881739" cy="738411"/>
        </a:xfrm>
        <a:prstGeom prst="rect">
          <a:avLst/>
        </a:prstGeom>
      </xdr:spPr>
    </xdr:pic>
    <xdr:clientData/>
  </xdr:twoCellAnchor>
  <xdr:twoCellAnchor>
    <xdr:from>
      <xdr:col>2</xdr:col>
      <xdr:colOff>269876</xdr:colOff>
      <xdr:row>57</xdr:row>
      <xdr:rowOff>288929</xdr:rowOff>
    </xdr:from>
    <xdr:to>
      <xdr:col>2</xdr:col>
      <xdr:colOff>1127125</xdr:colOff>
      <xdr:row>58</xdr:row>
      <xdr:rowOff>351521</xdr:rowOff>
    </xdr:to>
    <xdr:pic>
      <xdr:nvPicPr>
        <xdr:cNvPr id="450" name="图片 449" descr="屏幕剪辑"/>
        <xdr:cNvPicPr>
          <a:picLocks noChangeAspect="1"/>
        </xdr:cNvPicPr>
      </xdr:nvPicPr>
      <xdr:blipFill>
        <a:blip xmlns:r="http://schemas.openxmlformats.org/officeDocument/2006/relationships" r:embed="rId4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00501" y="50453929"/>
          <a:ext cx="857249" cy="697592"/>
        </a:xfrm>
        <a:prstGeom prst="rect">
          <a:avLst/>
        </a:prstGeom>
      </xdr:spPr>
    </xdr:pic>
    <xdr:clientData/>
  </xdr:twoCellAnchor>
  <xdr:twoCellAnchor>
    <xdr:from>
      <xdr:col>2</xdr:col>
      <xdr:colOff>269094</xdr:colOff>
      <xdr:row>145</xdr:row>
      <xdr:rowOff>400008</xdr:rowOff>
    </xdr:from>
    <xdr:to>
      <xdr:col>2</xdr:col>
      <xdr:colOff>1047750</xdr:colOff>
      <xdr:row>146</xdr:row>
      <xdr:rowOff>300677</xdr:rowOff>
    </xdr:to>
    <xdr:pic>
      <xdr:nvPicPr>
        <xdr:cNvPr id="482" name="图片 21"/>
        <xdr:cNvPicPr>
          <a:picLocks noChangeAspect="1" noChangeArrowheads="1"/>
        </xdr:cNvPicPr>
      </xdr:nvPicPr>
      <xdr:blipFill>
        <a:blip xmlns:r="http://schemas.openxmlformats.org/officeDocument/2006/relationships" r:embed="rId45" cstate="print"/>
        <a:srcRect/>
        <a:stretch>
          <a:fillRect/>
        </a:stretch>
      </xdr:blipFill>
      <xdr:spPr bwMode="auto">
        <a:xfrm>
          <a:off x="3999719" y="122320008"/>
          <a:ext cx="778656" cy="53566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414812</xdr:colOff>
      <xdr:row>5</xdr:row>
      <xdr:rowOff>46513</xdr:rowOff>
    </xdr:from>
    <xdr:to>
      <xdr:col>2</xdr:col>
      <xdr:colOff>825500</xdr:colOff>
      <xdr:row>5</xdr:row>
      <xdr:rowOff>587260</xdr:rowOff>
    </xdr:to>
    <xdr:pic>
      <xdr:nvPicPr>
        <xdr:cNvPr id="413" name="Picture 1"/>
        <xdr:cNvPicPr>
          <a:picLocks noChangeAspect="1" noChangeArrowheads="1"/>
        </xdr:cNvPicPr>
      </xdr:nvPicPr>
      <xdr:blipFill>
        <a:blip xmlns:r="http://schemas.openxmlformats.org/officeDocument/2006/relationships" r:embed="rId46" cstate="print"/>
        <a:srcRect/>
        <a:stretch>
          <a:fillRect/>
        </a:stretch>
      </xdr:blipFill>
      <xdr:spPr bwMode="auto">
        <a:xfrm>
          <a:off x="4145437" y="5126513"/>
          <a:ext cx="410688" cy="540747"/>
        </a:xfrm>
        <a:prstGeom prst="rect">
          <a:avLst/>
        </a:prstGeom>
        <a:noFill/>
        <a:ln w="1">
          <a:noFill/>
          <a:miter lim="800000"/>
          <a:headEnd/>
          <a:tailEnd type="none" w="med" len="med"/>
        </a:ln>
        <a:effectLst/>
      </xdr:spPr>
    </xdr:pic>
    <xdr:clientData/>
  </xdr:twoCellAnchor>
  <xdr:twoCellAnchor>
    <xdr:from>
      <xdr:col>2</xdr:col>
      <xdr:colOff>368133</xdr:colOff>
      <xdr:row>6</xdr:row>
      <xdr:rowOff>57399</xdr:rowOff>
    </xdr:from>
    <xdr:to>
      <xdr:col>2</xdr:col>
      <xdr:colOff>781790</xdr:colOff>
      <xdr:row>6</xdr:row>
      <xdr:rowOff>666996</xdr:rowOff>
    </xdr:to>
    <xdr:pic>
      <xdr:nvPicPr>
        <xdr:cNvPr id="414" name="图片 413"/>
        <xdr:cNvPicPr>
          <a:picLocks noChangeAspect="1"/>
        </xdr:cNvPicPr>
      </xdr:nvPicPr>
      <xdr:blipFill>
        <a:blip xmlns:r="http://schemas.openxmlformats.org/officeDocument/2006/relationships" r:embed="rId47" cstate="print"/>
        <a:stretch>
          <a:fillRect/>
        </a:stretch>
      </xdr:blipFill>
      <xdr:spPr>
        <a:xfrm>
          <a:off x="3222169" y="2911435"/>
          <a:ext cx="413657" cy="609597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148315</xdr:colOff>
      <xdr:row>59</xdr:row>
      <xdr:rowOff>286204</xdr:rowOff>
    </xdr:from>
    <xdr:to>
      <xdr:col>2</xdr:col>
      <xdr:colOff>1158875</xdr:colOff>
      <xdr:row>60</xdr:row>
      <xdr:rowOff>248103</xdr:rowOff>
    </xdr:to>
    <xdr:pic>
      <xdr:nvPicPr>
        <xdr:cNvPr id="345" name="图片 344" descr="屏幕剪辑"/>
        <xdr:cNvPicPr>
          <a:picLocks noChangeAspect="1"/>
        </xdr:cNvPicPr>
      </xdr:nvPicPr>
      <xdr:blipFill>
        <a:blip xmlns:r="http://schemas.openxmlformats.org/officeDocument/2006/relationships" r:embed="rId4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78940" y="51721204"/>
          <a:ext cx="1010560" cy="596899"/>
        </a:xfrm>
        <a:prstGeom prst="rect">
          <a:avLst/>
        </a:prstGeom>
      </xdr:spPr>
    </xdr:pic>
    <xdr:clientData/>
  </xdr:twoCellAnchor>
  <xdr:twoCellAnchor>
    <xdr:from>
      <xdr:col>2</xdr:col>
      <xdr:colOff>241754</xdr:colOff>
      <xdr:row>61</xdr:row>
      <xdr:rowOff>263528</xdr:rowOff>
    </xdr:from>
    <xdr:to>
      <xdr:col>2</xdr:col>
      <xdr:colOff>1111250</xdr:colOff>
      <xdr:row>62</xdr:row>
      <xdr:rowOff>366939</xdr:rowOff>
    </xdr:to>
    <xdr:pic>
      <xdr:nvPicPr>
        <xdr:cNvPr id="346" name="图片 345" descr="屏幕剪辑"/>
        <xdr:cNvPicPr>
          <a:picLocks noChangeAspect="1"/>
        </xdr:cNvPicPr>
      </xdr:nvPicPr>
      <xdr:blipFill>
        <a:blip xmlns:r="http://schemas.openxmlformats.org/officeDocument/2006/relationships" r:embed="rId4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972379" y="52968528"/>
          <a:ext cx="869496" cy="738411"/>
        </a:xfrm>
        <a:prstGeom prst="rect">
          <a:avLst/>
        </a:prstGeom>
      </xdr:spPr>
    </xdr:pic>
    <xdr:clientData/>
  </xdr:twoCellAnchor>
  <xdr:twoCellAnchor>
    <xdr:from>
      <xdr:col>2</xdr:col>
      <xdr:colOff>297994</xdr:colOff>
      <xdr:row>63</xdr:row>
      <xdr:rowOff>256725</xdr:rowOff>
    </xdr:from>
    <xdr:to>
      <xdr:col>2</xdr:col>
      <xdr:colOff>1095375</xdr:colOff>
      <xdr:row>64</xdr:row>
      <xdr:rowOff>319317</xdr:rowOff>
    </xdr:to>
    <xdr:pic>
      <xdr:nvPicPr>
        <xdr:cNvPr id="347" name="图片 346" descr="屏幕剪辑"/>
        <xdr:cNvPicPr>
          <a:picLocks noChangeAspect="1"/>
        </xdr:cNvPicPr>
      </xdr:nvPicPr>
      <xdr:blipFill>
        <a:blip xmlns:r="http://schemas.openxmlformats.org/officeDocument/2006/relationships" r:embed="rId4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28619" y="54231725"/>
          <a:ext cx="797381" cy="697592"/>
        </a:xfrm>
        <a:prstGeom prst="rect">
          <a:avLst/>
        </a:prstGeom>
      </xdr:spPr>
    </xdr:pic>
    <xdr:clientData/>
  </xdr:twoCellAnchor>
  <xdr:twoCellAnchor>
    <xdr:from>
      <xdr:col>2</xdr:col>
      <xdr:colOff>404132</xdr:colOff>
      <xdr:row>135</xdr:row>
      <xdr:rowOff>145598</xdr:rowOff>
    </xdr:from>
    <xdr:to>
      <xdr:col>2</xdr:col>
      <xdr:colOff>1024617</xdr:colOff>
      <xdr:row>135</xdr:row>
      <xdr:rowOff>528504</xdr:rowOff>
    </xdr:to>
    <xdr:pic>
      <xdr:nvPicPr>
        <xdr:cNvPr id="348" name="图片 347"/>
        <xdr:cNvPicPr>
          <a:picLocks noChangeAspect="1"/>
        </xdr:cNvPicPr>
      </xdr:nvPicPr>
      <xdr:blipFill>
        <a:blip xmlns:r="http://schemas.openxmlformats.org/officeDocument/2006/relationships" r:embed="rId48" cstate="print"/>
        <a:stretch>
          <a:fillRect/>
        </a:stretch>
      </xdr:blipFill>
      <xdr:spPr>
        <a:xfrm>
          <a:off x="4134757" y="115715598"/>
          <a:ext cx="620485" cy="382906"/>
        </a:xfrm>
        <a:prstGeom prst="rect">
          <a:avLst/>
        </a:prstGeom>
      </xdr:spPr>
    </xdr:pic>
    <xdr:clientData/>
  </xdr:twoCellAnchor>
  <xdr:twoCellAnchor>
    <xdr:from>
      <xdr:col>2</xdr:col>
      <xdr:colOff>297865</xdr:colOff>
      <xdr:row>261</xdr:row>
      <xdr:rowOff>15875</xdr:rowOff>
    </xdr:from>
    <xdr:to>
      <xdr:col>2</xdr:col>
      <xdr:colOff>1022117</xdr:colOff>
      <xdr:row>262</xdr:row>
      <xdr:rowOff>43996</xdr:rowOff>
    </xdr:to>
    <xdr:pic>
      <xdr:nvPicPr>
        <xdr:cNvPr id="111" name="图片 110"/>
        <xdr:cNvPicPr>
          <a:picLocks noChangeAspect="1"/>
        </xdr:cNvPicPr>
      </xdr:nvPicPr>
      <xdr:blipFill>
        <a:blip xmlns:r="http://schemas.openxmlformats.org/officeDocument/2006/relationships" r:embed="rId4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8063" t="14965" r="25915" b="12260"/>
        <a:stretch>
          <a:fillRect/>
        </a:stretch>
      </xdr:blipFill>
      <xdr:spPr>
        <a:xfrm>
          <a:off x="5076240" y="209565875"/>
          <a:ext cx="724252" cy="663121"/>
        </a:xfrm>
        <a:prstGeom prst="rect">
          <a:avLst/>
        </a:prstGeom>
      </xdr:spPr>
    </xdr:pic>
    <xdr:clientData/>
  </xdr:twoCellAnchor>
  <xdr:twoCellAnchor>
    <xdr:from>
      <xdr:col>2</xdr:col>
      <xdr:colOff>148967</xdr:colOff>
      <xdr:row>262</xdr:row>
      <xdr:rowOff>391558</xdr:rowOff>
    </xdr:from>
    <xdr:to>
      <xdr:col>2</xdr:col>
      <xdr:colOff>1137486</xdr:colOff>
      <xdr:row>263</xdr:row>
      <xdr:rowOff>333375</xdr:rowOff>
    </xdr:to>
    <xdr:pic>
      <xdr:nvPicPr>
        <xdr:cNvPr id="112" name="图片 111"/>
        <xdr:cNvPicPr>
          <a:picLocks noChangeAspect="1"/>
        </xdr:cNvPicPr>
      </xdr:nvPicPr>
      <xdr:blipFill>
        <a:blip xmlns:r="http://schemas.openxmlformats.org/officeDocument/2006/relationships" r:embed="rId50"/>
        <a:stretch>
          <a:fillRect/>
        </a:stretch>
      </xdr:blipFill>
      <xdr:spPr>
        <a:xfrm>
          <a:off x="3879592" y="202956558"/>
          <a:ext cx="988519" cy="576817"/>
        </a:xfrm>
        <a:prstGeom prst="rect">
          <a:avLst/>
        </a:prstGeom>
      </xdr:spPr>
    </xdr:pic>
    <xdr:clientData/>
  </xdr:twoCellAnchor>
  <xdr:twoCellAnchor>
    <xdr:from>
      <xdr:col>2</xdr:col>
      <xdr:colOff>272143</xdr:colOff>
      <xdr:row>76</xdr:row>
      <xdr:rowOff>250825</xdr:rowOff>
    </xdr:from>
    <xdr:to>
      <xdr:col>2</xdr:col>
      <xdr:colOff>1101360</xdr:colOff>
      <xdr:row>77</xdr:row>
      <xdr:rowOff>317500</xdr:rowOff>
    </xdr:to>
    <xdr:pic>
      <xdr:nvPicPr>
        <xdr:cNvPr id="114" name="图片 113" descr="屏幕剪辑"/>
        <xdr:cNvPicPr>
          <a:picLocks noChangeAspect="1"/>
        </xdr:cNvPicPr>
      </xdr:nvPicPr>
      <xdr:blipFill>
        <a:blip xmlns:r="http://schemas.openxmlformats.org/officeDocument/2006/relationships" r:embed="rId4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02768" y="66925825"/>
          <a:ext cx="829217" cy="701675"/>
        </a:xfrm>
        <a:prstGeom prst="rect">
          <a:avLst/>
        </a:prstGeom>
      </xdr:spPr>
    </xdr:pic>
    <xdr:clientData/>
  </xdr:twoCellAnchor>
  <xdr:twoCellAnchor>
    <xdr:from>
      <xdr:col>2</xdr:col>
      <xdr:colOff>221383</xdr:colOff>
      <xdr:row>182</xdr:row>
      <xdr:rowOff>305089</xdr:rowOff>
    </xdr:from>
    <xdr:to>
      <xdr:col>2</xdr:col>
      <xdr:colOff>1095374</xdr:colOff>
      <xdr:row>183</xdr:row>
      <xdr:rowOff>385801</xdr:rowOff>
    </xdr:to>
    <xdr:pic>
      <xdr:nvPicPr>
        <xdr:cNvPr id="91" name="图片 90" descr="0235C4NK 2"/>
        <xdr:cNvPicPr>
          <a:picLocks noChangeAspect="1"/>
        </xdr:cNvPicPr>
      </xdr:nvPicPr>
      <xdr:blipFill>
        <a:blip xmlns:r="http://schemas.openxmlformats.org/officeDocument/2006/relationships" r:embed="rId39" cstate="print"/>
        <a:srcRect l="27284" t="21492" r="27235" b="20598"/>
        <a:stretch>
          <a:fillRect/>
        </a:stretch>
      </xdr:blipFill>
      <xdr:spPr>
        <a:xfrm>
          <a:off x="3952008" y="144450089"/>
          <a:ext cx="873991" cy="715712"/>
        </a:xfrm>
        <a:prstGeom prst="rect">
          <a:avLst/>
        </a:prstGeom>
      </xdr:spPr>
    </xdr:pic>
    <xdr:clientData/>
  </xdr:twoCellAnchor>
  <xdr:twoCellAnchor>
    <xdr:from>
      <xdr:col>14</xdr:col>
      <xdr:colOff>0</xdr:colOff>
      <xdr:row>102</xdr:row>
      <xdr:rowOff>0</xdr:rowOff>
    </xdr:from>
    <xdr:to>
      <xdr:col>14</xdr:col>
      <xdr:colOff>57153</xdr:colOff>
      <xdr:row>102</xdr:row>
      <xdr:rowOff>19051</xdr:rowOff>
    </xdr:to>
    <xdr:pic>
      <xdr:nvPicPr>
        <xdr:cNvPr id="92" name="图片 91" descr="屏幕剪辑"/>
        <xdr:cNvPicPr>
          <a:picLocks noChangeAspect="1"/>
        </xdr:cNvPicPr>
      </xdr:nvPicPr>
      <xdr:blipFill>
        <a:blip xmlns:r="http://schemas.openxmlformats.org/officeDocument/2006/relationships" r:embed="rId5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31040" y="17609820"/>
          <a:ext cx="57153" cy="19051"/>
        </a:xfrm>
        <a:prstGeom prst="rect">
          <a:avLst/>
        </a:prstGeom>
      </xdr:spPr>
    </xdr:pic>
    <xdr:clientData/>
  </xdr:twoCellAnchor>
  <xdr:twoCellAnchor>
    <xdr:from>
      <xdr:col>14</xdr:col>
      <xdr:colOff>0</xdr:colOff>
      <xdr:row>103</xdr:row>
      <xdr:rowOff>0</xdr:rowOff>
    </xdr:from>
    <xdr:to>
      <xdr:col>14</xdr:col>
      <xdr:colOff>57153</xdr:colOff>
      <xdr:row>103</xdr:row>
      <xdr:rowOff>19051</xdr:rowOff>
    </xdr:to>
    <xdr:pic>
      <xdr:nvPicPr>
        <xdr:cNvPr id="93" name="图片 92" descr="屏幕剪辑"/>
        <xdr:cNvPicPr>
          <a:picLocks noChangeAspect="1"/>
        </xdr:cNvPicPr>
      </xdr:nvPicPr>
      <xdr:blipFill>
        <a:blip xmlns:r="http://schemas.openxmlformats.org/officeDocument/2006/relationships" r:embed="rId5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31040" y="18211800"/>
          <a:ext cx="57153" cy="19051"/>
        </a:xfrm>
        <a:prstGeom prst="rect">
          <a:avLst/>
        </a:prstGeom>
      </xdr:spPr>
    </xdr:pic>
    <xdr:clientData/>
  </xdr:twoCellAnchor>
  <xdr:twoCellAnchor>
    <xdr:from>
      <xdr:col>14</xdr:col>
      <xdr:colOff>0</xdr:colOff>
      <xdr:row>102</xdr:row>
      <xdr:rowOff>0</xdr:rowOff>
    </xdr:from>
    <xdr:to>
      <xdr:col>14</xdr:col>
      <xdr:colOff>57153</xdr:colOff>
      <xdr:row>102</xdr:row>
      <xdr:rowOff>19051</xdr:rowOff>
    </xdr:to>
    <xdr:pic>
      <xdr:nvPicPr>
        <xdr:cNvPr id="94" name="图片 93" descr="屏幕剪辑"/>
        <xdr:cNvPicPr>
          <a:picLocks noChangeAspect="1"/>
        </xdr:cNvPicPr>
      </xdr:nvPicPr>
      <xdr:blipFill>
        <a:blip xmlns:r="http://schemas.openxmlformats.org/officeDocument/2006/relationships" r:embed="rId5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31040" y="17609820"/>
          <a:ext cx="57153" cy="19051"/>
        </a:xfrm>
        <a:prstGeom prst="rect">
          <a:avLst/>
        </a:prstGeom>
      </xdr:spPr>
    </xdr:pic>
    <xdr:clientData/>
  </xdr:twoCellAnchor>
  <xdr:twoCellAnchor>
    <xdr:from>
      <xdr:col>14</xdr:col>
      <xdr:colOff>0</xdr:colOff>
      <xdr:row>104</xdr:row>
      <xdr:rowOff>0</xdr:rowOff>
    </xdr:from>
    <xdr:to>
      <xdr:col>14</xdr:col>
      <xdr:colOff>57153</xdr:colOff>
      <xdr:row>104</xdr:row>
      <xdr:rowOff>19051</xdr:rowOff>
    </xdr:to>
    <xdr:pic>
      <xdr:nvPicPr>
        <xdr:cNvPr id="95" name="图片 94" descr="屏幕剪辑"/>
        <xdr:cNvPicPr>
          <a:picLocks noChangeAspect="1"/>
        </xdr:cNvPicPr>
      </xdr:nvPicPr>
      <xdr:blipFill>
        <a:blip xmlns:r="http://schemas.openxmlformats.org/officeDocument/2006/relationships" r:embed="rId5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2131040" y="18882360"/>
          <a:ext cx="57153" cy="19051"/>
        </a:xfrm>
        <a:prstGeom prst="rect">
          <a:avLst/>
        </a:prstGeom>
      </xdr:spPr>
    </xdr:pic>
    <xdr:clientData/>
  </xdr:twoCellAnchor>
  <xdr:twoCellAnchor>
    <xdr:from>
      <xdr:col>2</xdr:col>
      <xdr:colOff>211865</xdr:colOff>
      <xdr:row>234</xdr:row>
      <xdr:rowOff>178379</xdr:rowOff>
    </xdr:from>
    <xdr:to>
      <xdr:col>2</xdr:col>
      <xdr:colOff>1079500</xdr:colOff>
      <xdr:row>234</xdr:row>
      <xdr:rowOff>579644</xdr:rowOff>
    </xdr:to>
    <xdr:pic>
      <xdr:nvPicPr>
        <xdr:cNvPr id="96" name="图片 95" descr="C:\Users\X07269\AppData\Local\Microsoft\Windows\INetCache\Content.Word\0235C51V-FR.PNG"/>
        <xdr:cNvPicPr>
          <a:picLocks noChangeAspect="1" noChangeArrowheads="1"/>
        </xdr:cNvPicPr>
      </xdr:nvPicPr>
      <xdr:blipFill>
        <a:blip xmlns:r="http://schemas.openxmlformats.org/officeDocument/2006/relationships" r:embed="rId5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6503" t="30071" r="15174" b="22669"/>
        <a:stretch>
          <a:fillRect/>
        </a:stretch>
      </xdr:blipFill>
      <xdr:spPr>
        <a:xfrm>
          <a:off x="3942490" y="177978379"/>
          <a:ext cx="867635" cy="40126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21348</xdr:colOff>
      <xdr:row>257</xdr:row>
      <xdr:rowOff>181840</xdr:rowOff>
    </xdr:from>
    <xdr:to>
      <xdr:col>2</xdr:col>
      <xdr:colOff>1310461</xdr:colOff>
      <xdr:row>257</xdr:row>
      <xdr:rowOff>586007</xdr:rowOff>
    </xdr:to>
    <xdr:pic>
      <xdr:nvPicPr>
        <xdr:cNvPr id="97" name="图片 96"/>
        <xdr:cNvPicPr>
          <a:picLocks noChangeAspect="1"/>
        </xdr:cNvPicPr>
      </xdr:nvPicPr>
      <xdr:blipFill rotWithShape="1">
        <a:blip xmlns:r="http://schemas.openxmlformats.org/officeDocument/2006/relationships" r:embed="rId5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17539" b="15048"/>
        <a:stretch/>
      </xdr:blipFill>
      <xdr:spPr>
        <a:xfrm>
          <a:off x="3951973" y="199571840"/>
          <a:ext cx="1089113" cy="404167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00019</xdr:colOff>
      <xdr:row>259</xdr:row>
      <xdr:rowOff>11102</xdr:rowOff>
    </xdr:from>
    <xdr:to>
      <xdr:col>2</xdr:col>
      <xdr:colOff>1289132</xdr:colOff>
      <xdr:row>259</xdr:row>
      <xdr:rowOff>610650</xdr:rowOff>
    </xdr:to>
    <xdr:pic>
      <xdr:nvPicPr>
        <xdr:cNvPr id="98" name="图片 97"/>
        <xdr:cNvPicPr>
          <a:picLocks noChangeAspect="1"/>
        </xdr:cNvPicPr>
      </xdr:nvPicPr>
      <xdr:blipFill>
        <a:blip xmlns:r="http://schemas.openxmlformats.org/officeDocument/2006/relationships" r:embed="rId5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3930644" y="200671102"/>
          <a:ext cx="1089113" cy="599548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93246</xdr:colOff>
      <xdr:row>258</xdr:row>
      <xdr:rowOff>131449</xdr:rowOff>
    </xdr:from>
    <xdr:to>
      <xdr:col>2</xdr:col>
      <xdr:colOff>1069079</xdr:colOff>
      <xdr:row>258</xdr:row>
      <xdr:rowOff>614596</xdr:rowOff>
    </xdr:to>
    <xdr:pic>
      <xdr:nvPicPr>
        <xdr:cNvPr id="99" name="图片 98"/>
        <xdr:cNvPicPr>
          <a:picLocks noChangeAspect="1"/>
        </xdr:cNvPicPr>
      </xdr:nvPicPr>
      <xdr:blipFill>
        <a:blip xmlns:r="http://schemas.openxmlformats.org/officeDocument/2006/relationships" r:embed="rId5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4023871" y="200156449"/>
          <a:ext cx="775833" cy="483147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59462</xdr:colOff>
      <xdr:row>260</xdr:row>
      <xdr:rowOff>102750</xdr:rowOff>
    </xdr:from>
    <xdr:to>
      <xdr:col>2</xdr:col>
      <xdr:colOff>1078918</xdr:colOff>
      <xdr:row>260</xdr:row>
      <xdr:rowOff>613063</xdr:rowOff>
    </xdr:to>
    <xdr:pic>
      <xdr:nvPicPr>
        <xdr:cNvPr id="100" name="图片 99"/>
        <xdr:cNvPicPr>
          <a:picLocks noChangeAspect="1"/>
        </xdr:cNvPicPr>
      </xdr:nvPicPr>
      <xdr:blipFill>
        <a:blip xmlns:r="http://schemas.openxmlformats.org/officeDocument/2006/relationships" r:embed="rId5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3990087" y="201397750"/>
          <a:ext cx="819456" cy="510313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189922</xdr:colOff>
      <xdr:row>18</xdr:row>
      <xdr:rowOff>409863</xdr:rowOff>
    </xdr:from>
    <xdr:to>
      <xdr:col>2</xdr:col>
      <xdr:colOff>1154722</xdr:colOff>
      <xdr:row>19</xdr:row>
      <xdr:rowOff>301625</xdr:rowOff>
    </xdr:to>
    <xdr:pic>
      <xdr:nvPicPr>
        <xdr:cNvPr id="101" name="Picture 2" descr="C:\Users\w06895\AppData\Local\Temp\ksohtml18524\wps1.jpg"/>
        <xdr:cNvPicPr>
          <a:picLocks noChangeAspect="1" noChangeArrowheads="1"/>
        </xdr:cNvPicPr>
      </xdr:nvPicPr>
      <xdr:blipFill>
        <a:blip xmlns:r="http://schemas.openxmlformats.org/officeDocument/2006/relationships" r:embed="rId5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3920547" y="15014863"/>
          <a:ext cx="964800" cy="52676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259715</xdr:colOff>
      <xdr:row>21</xdr:row>
      <xdr:rowOff>264002</xdr:rowOff>
    </xdr:from>
    <xdr:to>
      <xdr:col>2</xdr:col>
      <xdr:colOff>1062648</xdr:colOff>
      <xdr:row>22</xdr:row>
      <xdr:rowOff>317499</xdr:rowOff>
    </xdr:to>
    <xdr:pic>
      <xdr:nvPicPr>
        <xdr:cNvPr id="102" name="Picture 4" descr="C:\Users\w06895\AppData\Local\Temp\ksohtml18524\wps2.jpg"/>
        <xdr:cNvPicPr>
          <a:picLocks noChangeAspect="1" noChangeArrowheads="1"/>
        </xdr:cNvPicPr>
      </xdr:nvPicPr>
      <xdr:blipFill>
        <a:blip xmlns:r="http://schemas.openxmlformats.org/officeDocument/2006/relationships" r:embed="rId5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3990340" y="16774002"/>
          <a:ext cx="802933" cy="6884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275030</xdr:colOff>
      <xdr:row>38</xdr:row>
      <xdr:rowOff>277384</xdr:rowOff>
    </xdr:from>
    <xdr:to>
      <xdr:col>2</xdr:col>
      <xdr:colOff>1095375</xdr:colOff>
      <xdr:row>39</xdr:row>
      <xdr:rowOff>336187</xdr:rowOff>
    </xdr:to>
    <xdr:pic>
      <xdr:nvPicPr>
        <xdr:cNvPr id="103" name="图片 102"/>
        <xdr:cNvPicPr>
          <a:picLocks noChangeAspect="1"/>
        </xdr:cNvPicPr>
      </xdr:nvPicPr>
      <xdr:blipFill>
        <a:blip xmlns:r="http://schemas.openxmlformats.org/officeDocument/2006/relationships" r:embed="rId58" cstate="print"/>
        <a:stretch>
          <a:fillRect/>
        </a:stretch>
      </xdr:blipFill>
      <xdr:spPr>
        <a:xfrm>
          <a:off x="4005655" y="25042384"/>
          <a:ext cx="820345" cy="693803"/>
        </a:xfrm>
        <a:prstGeom prst="rect">
          <a:avLst/>
        </a:prstGeom>
      </xdr:spPr>
    </xdr:pic>
    <xdr:clientData/>
  </xdr:twoCellAnchor>
  <xdr:twoCellAnchor>
    <xdr:from>
      <xdr:col>2</xdr:col>
      <xdr:colOff>9814</xdr:colOff>
      <xdr:row>34</xdr:row>
      <xdr:rowOff>52387</xdr:rowOff>
    </xdr:from>
    <xdr:to>
      <xdr:col>2</xdr:col>
      <xdr:colOff>1333500</xdr:colOff>
      <xdr:row>35</xdr:row>
      <xdr:rowOff>516915</xdr:rowOff>
    </xdr:to>
    <xdr:pic>
      <xdr:nvPicPr>
        <xdr:cNvPr id="104" name="图片 103" descr="0235C52X-FR"/>
        <xdr:cNvPicPr>
          <a:picLocks noChangeAspect="1"/>
        </xdr:cNvPicPr>
      </xdr:nvPicPr>
      <xdr:blipFill>
        <a:blip xmlns:r="http://schemas.openxmlformats.org/officeDocument/2006/relationships" r:embed="rId59" cstate="print"/>
        <a:stretch>
          <a:fillRect/>
        </a:stretch>
      </xdr:blipFill>
      <xdr:spPr>
        <a:xfrm>
          <a:off x="3740439" y="22277387"/>
          <a:ext cx="1323686" cy="1099528"/>
        </a:xfrm>
        <a:prstGeom prst="rect">
          <a:avLst/>
        </a:prstGeom>
      </xdr:spPr>
    </xdr:pic>
    <xdr:clientData/>
  </xdr:twoCellAnchor>
  <xdr:twoCellAnchor>
    <xdr:from>
      <xdr:col>2</xdr:col>
      <xdr:colOff>285888</xdr:colOff>
      <xdr:row>36</xdr:row>
      <xdr:rowOff>328730</xdr:rowOff>
    </xdr:from>
    <xdr:to>
      <xdr:col>2</xdr:col>
      <xdr:colOff>1158875</xdr:colOff>
      <xdr:row>37</xdr:row>
      <xdr:rowOff>384504</xdr:rowOff>
    </xdr:to>
    <xdr:pic>
      <xdr:nvPicPr>
        <xdr:cNvPr id="105" name="图片 104" descr="0235C5CE-F"/>
        <xdr:cNvPicPr>
          <a:picLocks noChangeAspect="1"/>
        </xdr:cNvPicPr>
      </xdr:nvPicPr>
      <xdr:blipFill>
        <a:blip xmlns:r="http://schemas.openxmlformats.org/officeDocument/2006/relationships" r:embed="rId60" cstate="print"/>
        <a:srcRect l="17809" t="8511" r="25546" b="31778"/>
        <a:stretch>
          <a:fillRect/>
        </a:stretch>
      </xdr:blipFill>
      <xdr:spPr>
        <a:xfrm>
          <a:off x="4016513" y="23823730"/>
          <a:ext cx="872987" cy="690774"/>
        </a:xfrm>
        <a:prstGeom prst="rect">
          <a:avLst/>
        </a:prstGeom>
        <a:noFill/>
        <a:ln w="9525">
          <a:noFill/>
        </a:ln>
      </xdr:spPr>
    </xdr:pic>
    <xdr:clientData/>
  </xdr:twoCellAnchor>
  <xdr:twoCellAnchor>
    <xdr:from>
      <xdr:col>2</xdr:col>
      <xdr:colOff>397989</xdr:colOff>
      <xdr:row>43</xdr:row>
      <xdr:rowOff>65237</xdr:rowOff>
    </xdr:from>
    <xdr:to>
      <xdr:col>2</xdr:col>
      <xdr:colOff>1022910</xdr:colOff>
      <xdr:row>43</xdr:row>
      <xdr:rowOff>593761</xdr:rowOff>
    </xdr:to>
    <xdr:pic>
      <xdr:nvPicPr>
        <xdr:cNvPr id="116" name="图片 115"/>
        <xdr:cNvPicPr>
          <a:picLocks noChangeAspect="1"/>
        </xdr:cNvPicPr>
      </xdr:nvPicPr>
      <xdr:blipFill>
        <a:blip xmlns:r="http://schemas.openxmlformats.org/officeDocument/2006/relationships" r:embed="rId58" cstate="print"/>
        <a:stretch>
          <a:fillRect/>
        </a:stretch>
      </xdr:blipFill>
      <xdr:spPr>
        <a:xfrm>
          <a:off x="4128614" y="30545237"/>
          <a:ext cx="624921" cy="528524"/>
        </a:xfrm>
        <a:prstGeom prst="rect">
          <a:avLst/>
        </a:prstGeom>
      </xdr:spPr>
    </xdr:pic>
    <xdr:clientData/>
  </xdr:twoCellAnchor>
  <xdr:twoCellAnchor>
    <xdr:from>
      <xdr:col>2</xdr:col>
      <xdr:colOff>379118</xdr:colOff>
      <xdr:row>42</xdr:row>
      <xdr:rowOff>37496</xdr:rowOff>
    </xdr:from>
    <xdr:to>
      <xdr:col>2</xdr:col>
      <xdr:colOff>1011671</xdr:colOff>
      <xdr:row>42</xdr:row>
      <xdr:rowOff>544947</xdr:rowOff>
    </xdr:to>
    <xdr:pic>
      <xdr:nvPicPr>
        <xdr:cNvPr id="118" name="图片 117" descr="0235C5CE-F"/>
        <xdr:cNvPicPr>
          <a:picLocks noChangeAspect="1"/>
        </xdr:cNvPicPr>
      </xdr:nvPicPr>
      <xdr:blipFill>
        <a:blip xmlns:r="http://schemas.openxmlformats.org/officeDocument/2006/relationships" r:embed="rId60" cstate="print"/>
        <a:srcRect l="17809" t="8511" r="25546" b="31778"/>
        <a:stretch>
          <a:fillRect/>
        </a:stretch>
      </xdr:blipFill>
      <xdr:spPr>
        <a:xfrm>
          <a:off x="4109743" y="29882496"/>
          <a:ext cx="632553" cy="507451"/>
        </a:xfrm>
        <a:prstGeom prst="rect">
          <a:avLst/>
        </a:prstGeom>
        <a:noFill/>
        <a:ln w="9525">
          <a:noFill/>
        </a:ln>
      </xdr:spPr>
    </xdr:pic>
    <xdr:clientData/>
  </xdr:twoCellAnchor>
  <xdr:twoCellAnchor>
    <xdr:from>
      <xdr:col>2</xdr:col>
      <xdr:colOff>355635</xdr:colOff>
      <xdr:row>198</xdr:row>
      <xdr:rowOff>942</xdr:rowOff>
    </xdr:from>
    <xdr:to>
      <xdr:col>2</xdr:col>
      <xdr:colOff>1095665</xdr:colOff>
      <xdr:row>198</xdr:row>
      <xdr:rowOff>597516</xdr:rowOff>
    </xdr:to>
    <xdr:pic>
      <xdr:nvPicPr>
        <xdr:cNvPr id="120" name="图片 119"/>
        <xdr:cNvPicPr>
          <a:picLocks noChangeAspect="1"/>
        </xdr:cNvPicPr>
      </xdr:nvPicPr>
      <xdr:blipFill>
        <a:blip xmlns:r="http://schemas.openxmlformats.org/officeDocument/2006/relationships" r:embed="rId30" cstate="print"/>
        <a:stretch>
          <a:fillRect/>
        </a:stretch>
      </xdr:blipFill>
      <xdr:spPr>
        <a:xfrm>
          <a:off x="4086260" y="154305942"/>
          <a:ext cx="740030" cy="596574"/>
        </a:xfrm>
        <a:prstGeom prst="rect">
          <a:avLst/>
        </a:prstGeom>
      </xdr:spPr>
    </xdr:pic>
    <xdr:clientData/>
  </xdr:twoCellAnchor>
  <xdr:twoCellAnchor>
    <xdr:from>
      <xdr:col>2</xdr:col>
      <xdr:colOff>370466</xdr:colOff>
      <xdr:row>194</xdr:row>
      <xdr:rowOff>362916</xdr:rowOff>
    </xdr:from>
    <xdr:to>
      <xdr:col>2</xdr:col>
      <xdr:colOff>1124023</xdr:colOff>
      <xdr:row>195</xdr:row>
      <xdr:rowOff>238125</xdr:rowOff>
    </xdr:to>
    <xdr:pic>
      <xdr:nvPicPr>
        <xdr:cNvPr id="121" name="图片 120"/>
        <xdr:cNvPicPr>
          <a:picLocks noChangeAspect="1"/>
        </xdr:cNvPicPr>
      </xdr:nvPicPr>
      <xdr:blipFill>
        <a:blip xmlns:r="http://schemas.openxmlformats.org/officeDocument/2006/relationships" r:embed="rId25" cstate="print"/>
        <a:stretch>
          <a:fillRect/>
        </a:stretch>
      </xdr:blipFill>
      <xdr:spPr>
        <a:xfrm>
          <a:off x="4101091" y="152127916"/>
          <a:ext cx="753557" cy="510209"/>
        </a:xfrm>
        <a:prstGeom prst="rect">
          <a:avLst/>
        </a:prstGeom>
      </xdr:spPr>
    </xdr:pic>
    <xdr:clientData/>
  </xdr:twoCellAnchor>
  <xdr:twoCellAnchor>
    <xdr:from>
      <xdr:col>2</xdr:col>
      <xdr:colOff>291358</xdr:colOff>
      <xdr:row>197</xdr:row>
      <xdr:rowOff>103433</xdr:rowOff>
    </xdr:from>
    <xdr:to>
      <xdr:col>2</xdr:col>
      <xdr:colOff>1155842</xdr:colOff>
      <xdr:row>197</xdr:row>
      <xdr:rowOff>599541</xdr:rowOff>
    </xdr:to>
    <xdr:pic>
      <xdr:nvPicPr>
        <xdr:cNvPr id="123" name="图片 122"/>
        <xdr:cNvPicPr>
          <a:picLocks noChangeAspect="1"/>
        </xdr:cNvPicPr>
      </xdr:nvPicPr>
      <xdr:blipFill>
        <a:blip xmlns:r="http://schemas.openxmlformats.org/officeDocument/2006/relationships" r:embed="rId31" cstate="print"/>
        <a:stretch>
          <a:fillRect/>
        </a:stretch>
      </xdr:blipFill>
      <xdr:spPr>
        <a:xfrm>
          <a:off x="4021983" y="153773433"/>
          <a:ext cx="864484" cy="496108"/>
        </a:xfrm>
        <a:prstGeom prst="rect">
          <a:avLst/>
        </a:prstGeom>
      </xdr:spPr>
    </xdr:pic>
    <xdr:clientData/>
  </xdr:twoCellAnchor>
  <xdr:twoCellAnchor>
    <xdr:from>
      <xdr:col>2</xdr:col>
      <xdr:colOff>282492</xdr:colOff>
      <xdr:row>196</xdr:row>
      <xdr:rowOff>141489</xdr:rowOff>
    </xdr:from>
    <xdr:to>
      <xdr:col>2</xdr:col>
      <xdr:colOff>1250683</xdr:colOff>
      <xdr:row>196</xdr:row>
      <xdr:rowOff>595651</xdr:rowOff>
    </xdr:to>
    <xdr:pic>
      <xdr:nvPicPr>
        <xdr:cNvPr id="124" name="图片 123"/>
        <xdr:cNvPicPr>
          <a:picLocks noChangeAspect="1"/>
        </xdr:cNvPicPr>
      </xdr:nvPicPr>
      <xdr:blipFill>
        <a:blip xmlns:r="http://schemas.openxmlformats.org/officeDocument/2006/relationships" r:embed="rId32" cstate="print"/>
        <a:stretch>
          <a:fillRect/>
        </a:stretch>
      </xdr:blipFill>
      <xdr:spPr>
        <a:xfrm>
          <a:off x="4013117" y="153176489"/>
          <a:ext cx="968191" cy="454162"/>
        </a:xfrm>
        <a:prstGeom prst="rect">
          <a:avLst/>
        </a:prstGeom>
      </xdr:spPr>
    </xdr:pic>
    <xdr:clientData/>
  </xdr:twoCellAnchor>
  <xdr:twoCellAnchor>
    <xdr:from>
      <xdr:col>2</xdr:col>
      <xdr:colOff>116933</xdr:colOff>
      <xdr:row>190</xdr:row>
      <xdr:rowOff>389805</xdr:rowOff>
    </xdr:from>
    <xdr:to>
      <xdr:col>2</xdr:col>
      <xdr:colOff>1197131</xdr:colOff>
      <xdr:row>191</xdr:row>
      <xdr:rowOff>206375</xdr:rowOff>
    </xdr:to>
    <xdr:pic>
      <xdr:nvPicPr>
        <xdr:cNvPr id="125" name="图片 124"/>
        <xdr:cNvPicPr>
          <a:picLocks noChangeAspect="1"/>
        </xdr:cNvPicPr>
      </xdr:nvPicPr>
      <xdr:blipFill>
        <a:blip xmlns:r="http://schemas.openxmlformats.org/officeDocument/2006/relationships" r:embed="rId61" cstate="print"/>
        <a:stretch>
          <a:fillRect/>
        </a:stretch>
      </xdr:blipFill>
      <xdr:spPr>
        <a:xfrm>
          <a:off x="3847558" y="149614805"/>
          <a:ext cx="1080198" cy="451570"/>
        </a:xfrm>
        <a:prstGeom prst="rect">
          <a:avLst/>
        </a:prstGeom>
      </xdr:spPr>
    </xdr:pic>
    <xdr:clientData/>
  </xdr:twoCellAnchor>
  <xdr:twoCellAnchor>
    <xdr:from>
      <xdr:col>2</xdr:col>
      <xdr:colOff>310249</xdr:colOff>
      <xdr:row>192</xdr:row>
      <xdr:rowOff>335518</xdr:rowOff>
    </xdr:from>
    <xdr:to>
      <xdr:col>2</xdr:col>
      <xdr:colOff>1100571</xdr:colOff>
      <xdr:row>193</xdr:row>
      <xdr:rowOff>301626</xdr:rowOff>
    </xdr:to>
    <xdr:pic>
      <xdr:nvPicPr>
        <xdr:cNvPr id="126" name="图片 125"/>
        <xdr:cNvPicPr>
          <a:picLocks noChangeAspect="1"/>
        </xdr:cNvPicPr>
      </xdr:nvPicPr>
      <xdr:blipFill>
        <a:blip xmlns:r="http://schemas.openxmlformats.org/officeDocument/2006/relationships" r:embed="rId29" cstate="print"/>
        <a:stretch>
          <a:fillRect/>
        </a:stretch>
      </xdr:blipFill>
      <xdr:spPr>
        <a:xfrm>
          <a:off x="4040874" y="150830518"/>
          <a:ext cx="790322" cy="601108"/>
        </a:xfrm>
        <a:prstGeom prst="rect">
          <a:avLst/>
        </a:prstGeom>
      </xdr:spPr>
    </xdr:pic>
    <xdr:clientData/>
  </xdr:twoCellAnchor>
  <xdr:twoCellAnchor>
    <xdr:from>
      <xdr:col>2</xdr:col>
      <xdr:colOff>305513</xdr:colOff>
      <xdr:row>207</xdr:row>
      <xdr:rowOff>62094</xdr:rowOff>
    </xdr:from>
    <xdr:to>
      <xdr:col>2</xdr:col>
      <xdr:colOff>1016000</xdr:colOff>
      <xdr:row>207</xdr:row>
      <xdr:rowOff>598741</xdr:rowOff>
    </xdr:to>
    <xdr:pic>
      <xdr:nvPicPr>
        <xdr:cNvPr id="127" name="图片 126"/>
        <xdr:cNvPicPr>
          <a:picLocks noChangeAspect="1"/>
        </xdr:cNvPicPr>
      </xdr:nvPicPr>
      <xdr:blipFill>
        <a:blip xmlns:r="http://schemas.openxmlformats.org/officeDocument/2006/relationships" r:embed="rId34" cstate="print"/>
        <a:stretch>
          <a:fillRect/>
        </a:stretch>
      </xdr:blipFill>
      <xdr:spPr>
        <a:xfrm>
          <a:off x="4036138" y="160082094"/>
          <a:ext cx="710487" cy="536647"/>
        </a:xfrm>
        <a:prstGeom prst="rect">
          <a:avLst/>
        </a:prstGeom>
      </xdr:spPr>
    </xdr:pic>
    <xdr:clientData/>
  </xdr:twoCellAnchor>
  <xdr:twoCellAnchor>
    <xdr:from>
      <xdr:col>2</xdr:col>
      <xdr:colOff>339304</xdr:colOff>
      <xdr:row>203</xdr:row>
      <xdr:rowOff>358502</xdr:rowOff>
    </xdr:from>
    <xdr:to>
      <xdr:col>2</xdr:col>
      <xdr:colOff>1045566</xdr:colOff>
      <xdr:row>204</xdr:row>
      <xdr:rowOff>254000</xdr:rowOff>
    </xdr:to>
    <xdr:pic>
      <xdr:nvPicPr>
        <xdr:cNvPr id="128" name="图片 127"/>
        <xdr:cNvPicPr>
          <a:picLocks noChangeAspect="1"/>
        </xdr:cNvPicPr>
      </xdr:nvPicPr>
      <xdr:blipFill>
        <a:blip xmlns:r="http://schemas.openxmlformats.org/officeDocument/2006/relationships" r:embed="rId62" cstate="print"/>
        <a:stretch>
          <a:fillRect/>
        </a:stretch>
      </xdr:blipFill>
      <xdr:spPr>
        <a:xfrm>
          <a:off x="4069929" y="157838502"/>
          <a:ext cx="706262" cy="530498"/>
        </a:xfrm>
        <a:prstGeom prst="rect">
          <a:avLst/>
        </a:prstGeom>
      </xdr:spPr>
    </xdr:pic>
    <xdr:clientData/>
  </xdr:twoCellAnchor>
  <xdr:twoCellAnchor>
    <xdr:from>
      <xdr:col>2</xdr:col>
      <xdr:colOff>206250</xdr:colOff>
      <xdr:row>206</xdr:row>
      <xdr:rowOff>37945</xdr:rowOff>
    </xdr:from>
    <xdr:to>
      <xdr:col>2</xdr:col>
      <xdr:colOff>1095305</xdr:colOff>
      <xdr:row>206</xdr:row>
      <xdr:rowOff>600982</xdr:rowOff>
    </xdr:to>
    <xdr:pic>
      <xdr:nvPicPr>
        <xdr:cNvPr id="129" name="图片 128"/>
        <xdr:cNvPicPr>
          <a:picLocks noChangeAspect="1"/>
        </xdr:cNvPicPr>
      </xdr:nvPicPr>
      <xdr:blipFill>
        <a:blip xmlns:r="http://schemas.openxmlformats.org/officeDocument/2006/relationships" r:embed="rId36" cstate="print"/>
        <a:stretch>
          <a:fillRect/>
        </a:stretch>
      </xdr:blipFill>
      <xdr:spPr>
        <a:xfrm>
          <a:off x="3936875" y="159422945"/>
          <a:ext cx="889055" cy="563037"/>
        </a:xfrm>
        <a:prstGeom prst="rect">
          <a:avLst/>
        </a:prstGeom>
      </xdr:spPr>
    </xdr:pic>
    <xdr:clientData/>
  </xdr:twoCellAnchor>
  <xdr:twoCellAnchor>
    <xdr:from>
      <xdr:col>2</xdr:col>
      <xdr:colOff>183964</xdr:colOff>
      <xdr:row>205</xdr:row>
      <xdr:rowOff>124368</xdr:rowOff>
    </xdr:from>
    <xdr:to>
      <xdr:col>2</xdr:col>
      <xdr:colOff>1136040</xdr:colOff>
      <xdr:row>205</xdr:row>
      <xdr:rowOff>568932</xdr:rowOff>
    </xdr:to>
    <xdr:pic>
      <xdr:nvPicPr>
        <xdr:cNvPr id="130" name="图片 129"/>
        <xdr:cNvPicPr>
          <a:picLocks noChangeAspect="1"/>
        </xdr:cNvPicPr>
      </xdr:nvPicPr>
      <xdr:blipFill>
        <a:blip xmlns:r="http://schemas.openxmlformats.org/officeDocument/2006/relationships" r:embed="rId37" cstate="print"/>
        <a:stretch>
          <a:fillRect/>
        </a:stretch>
      </xdr:blipFill>
      <xdr:spPr>
        <a:xfrm>
          <a:off x="3914589" y="158874368"/>
          <a:ext cx="952076" cy="444564"/>
        </a:xfrm>
        <a:prstGeom prst="rect">
          <a:avLst/>
        </a:prstGeom>
      </xdr:spPr>
    </xdr:pic>
    <xdr:clientData/>
  </xdr:twoCellAnchor>
  <xdr:twoCellAnchor>
    <xdr:from>
      <xdr:col>2</xdr:col>
      <xdr:colOff>239871</xdr:colOff>
      <xdr:row>199</xdr:row>
      <xdr:rowOff>386943</xdr:rowOff>
    </xdr:from>
    <xdr:to>
      <xdr:col>2</xdr:col>
      <xdr:colOff>1203257</xdr:colOff>
      <xdr:row>200</xdr:row>
      <xdr:rowOff>206375</xdr:rowOff>
    </xdr:to>
    <xdr:pic>
      <xdr:nvPicPr>
        <xdr:cNvPr id="131" name="图片 130"/>
        <xdr:cNvPicPr>
          <a:picLocks noChangeAspect="1"/>
        </xdr:cNvPicPr>
      </xdr:nvPicPr>
      <xdr:blipFill>
        <a:blip xmlns:r="http://schemas.openxmlformats.org/officeDocument/2006/relationships" r:embed="rId63" cstate="print"/>
        <a:stretch>
          <a:fillRect/>
        </a:stretch>
      </xdr:blipFill>
      <xdr:spPr>
        <a:xfrm>
          <a:off x="3970496" y="155326943"/>
          <a:ext cx="963386" cy="454432"/>
        </a:xfrm>
        <a:prstGeom prst="rect">
          <a:avLst/>
        </a:prstGeom>
      </xdr:spPr>
    </xdr:pic>
    <xdr:clientData/>
  </xdr:twoCellAnchor>
  <xdr:twoCellAnchor>
    <xdr:from>
      <xdr:col>2</xdr:col>
      <xdr:colOff>307630</xdr:colOff>
      <xdr:row>201</xdr:row>
      <xdr:rowOff>224657</xdr:rowOff>
    </xdr:from>
    <xdr:to>
      <xdr:col>2</xdr:col>
      <xdr:colOff>1111867</xdr:colOff>
      <xdr:row>202</xdr:row>
      <xdr:rowOff>287062</xdr:rowOff>
    </xdr:to>
    <xdr:pic>
      <xdr:nvPicPr>
        <xdr:cNvPr id="132" name="图片 131"/>
        <xdr:cNvPicPr>
          <a:picLocks noChangeAspect="1"/>
        </xdr:cNvPicPr>
      </xdr:nvPicPr>
      <xdr:blipFill>
        <a:blip xmlns:r="http://schemas.openxmlformats.org/officeDocument/2006/relationships" r:embed="rId29" cstate="print"/>
        <a:stretch>
          <a:fillRect/>
        </a:stretch>
      </xdr:blipFill>
      <xdr:spPr>
        <a:xfrm>
          <a:off x="4038255" y="156434657"/>
          <a:ext cx="804237" cy="697405"/>
        </a:xfrm>
        <a:prstGeom prst="rect">
          <a:avLst/>
        </a:prstGeom>
      </xdr:spPr>
    </xdr:pic>
    <xdr:clientData/>
  </xdr:twoCellAnchor>
  <xdr:twoCellAnchor>
    <xdr:from>
      <xdr:col>2</xdr:col>
      <xdr:colOff>108527</xdr:colOff>
      <xdr:row>114</xdr:row>
      <xdr:rowOff>550141</xdr:rowOff>
    </xdr:from>
    <xdr:to>
      <xdr:col>2</xdr:col>
      <xdr:colOff>1391681</xdr:colOff>
      <xdr:row>115</xdr:row>
      <xdr:rowOff>523875</xdr:rowOff>
    </xdr:to>
    <xdr:pic>
      <xdr:nvPicPr>
        <xdr:cNvPr id="133" name="图片 132"/>
        <xdr:cNvPicPr>
          <a:picLocks noChangeAspect="1"/>
        </xdr:cNvPicPr>
      </xdr:nvPicPr>
      <xdr:blipFill rotWithShape="1">
        <a:blip xmlns:r="http://schemas.openxmlformats.org/officeDocument/2006/relationships" r:embed="rId6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4644" t="34321" r="16588" b="28491"/>
        <a:stretch/>
      </xdr:blipFill>
      <xdr:spPr>
        <a:xfrm>
          <a:off x="3839152" y="99610141"/>
          <a:ext cx="1283154" cy="608734"/>
        </a:xfrm>
        <a:prstGeom prst="rect">
          <a:avLst/>
        </a:prstGeom>
      </xdr:spPr>
    </xdr:pic>
    <xdr:clientData/>
  </xdr:twoCellAnchor>
  <xdr:twoCellAnchor>
    <xdr:from>
      <xdr:col>2</xdr:col>
      <xdr:colOff>265547</xdr:colOff>
      <xdr:row>156</xdr:row>
      <xdr:rowOff>55130</xdr:rowOff>
    </xdr:from>
    <xdr:to>
      <xdr:col>2</xdr:col>
      <xdr:colOff>1111251</xdr:colOff>
      <xdr:row>157</xdr:row>
      <xdr:rowOff>31750</xdr:rowOff>
    </xdr:to>
    <xdr:pic>
      <xdr:nvPicPr>
        <xdr:cNvPr id="136" name="图片 135"/>
        <xdr:cNvPicPr>
          <a:picLocks noChangeAspect="1"/>
        </xdr:cNvPicPr>
      </xdr:nvPicPr>
      <xdr:blipFill>
        <a:blip xmlns:r="http://schemas.openxmlformats.org/officeDocument/2006/relationships" r:embed="rId6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96172" y="128960130"/>
          <a:ext cx="845704" cy="61162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124402</xdr:colOff>
      <xdr:row>159</xdr:row>
      <xdr:rowOff>349250</xdr:rowOff>
    </xdr:from>
    <xdr:to>
      <xdr:col>2</xdr:col>
      <xdr:colOff>1333500</xdr:colOff>
      <xdr:row>160</xdr:row>
      <xdr:rowOff>301548</xdr:rowOff>
    </xdr:to>
    <xdr:pic>
      <xdr:nvPicPr>
        <xdr:cNvPr id="138" name="图片 137" descr="2020070801.3051"/>
        <xdr:cNvPicPr>
          <a:picLocks noChangeAspect="1"/>
        </xdr:cNvPicPr>
      </xdr:nvPicPr>
      <xdr:blipFill>
        <a:blip xmlns:r="http://schemas.openxmlformats.org/officeDocument/2006/relationships" r:embed="rId66" cstate="print"/>
        <a:srcRect l="27227" t="20493" r="24100" b="29956"/>
        <a:stretch>
          <a:fillRect/>
        </a:stretch>
      </xdr:blipFill>
      <xdr:spPr>
        <a:xfrm>
          <a:off x="3855027" y="131159250"/>
          <a:ext cx="1209098" cy="587298"/>
        </a:xfrm>
        <a:prstGeom prst="rect">
          <a:avLst/>
        </a:prstGeom>
      </xdr:spPr>
    </xdr:pic>
    <xdr:clientData/>
  </xdr:twoCellAnchor>
  <xdr:twoCellAnchor>
    <xdr:from>
      <xdr:col>2</xdr:col>
      <xdr:colOff>96982</xdr:colOff>
      <xdr:row>214</xdr:row>
      <xdr:rowOff>207818</xdr:rowOff>
    </xdr:from>
    <xdr:to>
      <xdr:col>2</xdr:col>
      <xdr:colOff>1268505</xdr:colOff>
      <xdr:row>215</xdr:row>
      <xdr:rowOff>70156</xdr:rowOff>
    </xdr:to>
    <xdr:pic>
      <xdr:nvPicPr>
        <xdr:cNvPr id="139" name="Picture 2" descr="11__=C7BB0D80DFB39E4E8f9e8a93d@cn-uniview"/>
        <xdr:cNvPicPr>
          <a:picLocks noChangeAspect="1" noChangeArrowheads="1"/>
        </xdr:cNvPicPr>
      </xdr:nvPicPr>
      <xdr:blipFill>
        <a:blip xmlns:r="http://schemas.openxmlformats.org/officeDocument/2006/relationships" r:embed="rId67">
          <a:extLst>
            <a:ext uri="{BEBA8EAE-BF5A-486C-A8C5-ECC9F3942E4B}">
              <a14:imgProps xmlns:a14="http://schemas.microsoft.com/office/drawing/2010/main">
                <a14:imgLayer>
                  <a14:imgEffect>
                    <a14:backgroundRemoval t="9091" b="89899" l="10000" r="95652"/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61855" y="136730509"/>
          <a:ext cx="1171523" cy="5042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192232</xdr:colOff>
      <xdr:row>235</xdr:row>
      <xdr:rowOff>453159</xdr:rowOff>
    </xdr:from>
    <xdr:to>
      <xdr:col>2</xdr:col>
      <xdr:colOff>1217468</xdr:colOff>
      <xdr:row>236</xdr:row>
      <xdr:rowOff>321833</xdr:rowOff>
    </xdr:to>
    <xdr:pic>
      <xdr:nvPicPr>
        <xdr:cNvPr id="140" name="图片 139"/>
        <xdr:cNvPicPr>
          <a:picLocks noChangeAspect="1"/>
        </xdr:cNvPicPr>
      </xdr:nvPicPr>
      <xdr:blipFill rotWithShape="1">
        <a:blip xmlns:r="http://schemas.openxmlformats.org/officeDocument/2006/relationships" r:embed="rId6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0295" t="29508" r="8137" b="24590"/>
        <a:stretch/>
      </xdr:blipFill>
      <xdr:spPr bwMode="auto">
        <a:xfrm>
          <a:off x="3922857" y="183968159"/>
          <a:ext cx="1025236" cy="503674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306934</xdr:colOff>
      <xdr:row>237</xdr:row>
      <xdr:rowOff>281065</xdr:rowOff>
    </xdr:from>
    <xdr:to>
      <xdr:col>2</xdr:col>
      <xdr:colOff>1111862</xdr:colOff>
      <xdr:row>238</xdr:row>
      <xdr:rowOff>423023</xdr:rowOff>
    </xdr:to>
    <xdr:pic>
      <xdr:nvPicPr>
        <xdr:cNvPr id="141" name="图片 140"/>
        <xdr:cNvPicPr>
          <a:picLocks noChangeAspect="1"/>
        </xdr:cNvPicPr>
      </xdr:nvPicPr>
      <xdr:blipFill rotWithShape="1">
        <a:blip xmlns:r="http://schemas.openxmlformats.org/officeDocument/2006/relationships" r:embed="rId6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2266" t="14249" r="31065" b="31250"/>
        <a:stretch/>
      </xdr:blipFill>
      <xdr:spPr bwMode="auto">
        <a:xfrm>
          <a:off x="4037559" y="185066065"/>
          <a:ext cx="804928" cy="776958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269098</xdr:colOff>
      <xdr:row>239</xdr:row>
      <xdr:rowOff>327720</xdr:rowOff>
    </xdr:from>
    <xdr:to>
      <xdr:col>2</xdr:col>
      <xdr:colOff>1206500</xdr:colOff>
      <xdr:row>240</xdr:row>
      <xdr:rowOff>471541</xdr:rowOff>
    </xdr:to>
    <xdr:pic>
      <xdr:nvPicPr>
        <xdr:cNvPr id="146" name="图片 145"/>
        <xdr:cNvPicPr>
          <a:picLocks noChangeAspect="1"/>
        </xdr:cNvPicPr>
      </xdr:nvPicPr>
      <xdr:blipFill rotWithShape="1">
        <a:blip xmlns:r="http://schemas.openxmlformats.org/officeDocument/2006/relationships" r:embed="rId7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8796" t="14026" r="34276" b="19848"/>
        <a:stretch/>
      </xdr:blipFill>
      <xdr:spPr bwMode="auto">
        <a:xfrm>
          <a:off x="3999723" y="186382720"/>
          <a:ext cx="937402" cy="778821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68531</xdr:colOff>
      <xdr:row>252</xdr:row>
      <xdr:rowOff>143540</xdr:rowOff>
    </xdr:from>
    <xdr:to>
      <xdr:col>2</xdr:col>
      <xdr:colOff>1094461</xdr:colOff>
      <xdr:row>252</xdr:row>
      <xdr:rowOff>550291</xdr:rowOff>
    </xdr:to>
    <xdr:pic>
      <xdr:nvPicPr>
        <xdr:cNvPr id="153" name="图片 152"/>
        <xdr:cNvPicPr>
          <a:picLocks noChangeAspect="1"/>
        </xdr:cNvPicPr>
      </xdr:nvPicPr>
      <xdr:blipFill rotWithShape="1">
        <a:blip xmlns:r="http://schemas.openxmlformats.org/officeDocument/2006/relationships" r:embed="rId7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871" t="24726" r="12638" b="37400"/>
        <a:stretch/>
      </xdr:blipFill>
      <xdr:spPr bwMode="auto">
        <a:xfrm>
          <a:off x="3033404" y="159166013"/>
          <a:ext cx="1025930" cy="403865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197306</xdr:colOff>
      <xdr:row>251</xdr:row>
      <xdr:rowOff>63500</xdr:rowOff>
    </xdr:from>
    <xdr:to>
      <xdr:col>2</xdr:col>
      <xdr:colOff>1139414</xdr:colOff>
      <xdr:row>251</xdr:row>
      <xdr:rowOff>535566</xdr:rowOff>
    </xdr:to>
    <xdr:pic>
      <xdr:nvPicPr>
        <xdr:cNvPr id="154" name="图片 153"/>
        <xdr:cNvPicPr>
          <a:picLocks noChangeAspect="1"/>
        </xdr:cNvPicPr>
      </xdr:nvPicPr>
      <xdr:blipFill>
        <a:blip xmlns:r="http://schemas.openxmlformats.org/officeDocument/2006/relationships" r:embed="rId72" cstate="print"/>
        <a:stretch>
          <a:fillRect/>
        </a:stretch>
      </xdr:blipFill>
      <xdr:spPr>
        <a:xfrm>
          <a:off x="4975681" y="201358500"/>
          <a:ext cx="942108" cy="472066"/>
        </a:xfrm>
        <a:prstGeom prst="rect">
          <a:avLst/>
        </a:prstGeom>
      </xdr:spPr>
    </xdr:pic>
    <xdr:clientData/>
  </xdr:twoCellAnchor>
  <xdr:twoCellAnchor>
    <xdr:from>
      <xdr:col>2</xdr:col>
      <xdr:colOff>168564</xdr:colOff>
      <xdr:row>253</xdr:row>
      <xdr:rowOff>55689</xdr:rowOff>
    </xdr:from>
    <xdr:to>
      <xdr:col>2</xdr:col>
      <xdr:colOff>1110673</xdr:colOff>
      <xdr:row>253</xdr:row>
      <xdr:rowOff>606714</xdr:rowOff>
    </xdr:to>
    <xdr:pic>
      <xdr:nvPicPr>
        <xdr:cNvPr id="155" name="图片 154" descr="\\info-server\国内支撑平台\前端IPC\渲染图\枪机\56枪\5641\5641枪机-FL.png"/>
        <xdr:cNvPicPr>
          <a:picLocks noChangeAspect="1"/>
        </xdr:cNvPicPr>
      </xdr:nvPicPr>
      <xdr:blipFill rotWithShape="1">
        <a:blip xmlns:r="http://schemas.openxmlformats.org/officeDocument/2006/relationships" r:embed="rId7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8627" t="20168" r="8767" b="8017"/>
        <a:stretch/>
      </xdr:blipFill>
      <xdr:spPr bwMode="auto">
        <a:xfrm>
          <a:off x="3899189" y="199445689"/>
          <a:ext cx="942109" cy="551025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40821</xdr:colOff>
      <xdr:row>252</xdr:row>
      <xdr:rowOff>96511</xdr:rowOff>
    </xdr:from>
    <xdr:to>
      <xdr:col>3</xdr:col>
      <xdr:colOff>5344</xdr:colOff>
      <xdr:row>252</xdr:row>
      <xdr:rowOff>549592</xdr:rowOff>
    </xdr:to>
    <xdr:pic>
      <xdr:nvPicPr>
        <xdr:cNvPr id="156" name="图片 155"/>
        <xdr:cNvPicPr>
          <a:picLocks noChangeAspect="1"/>
        </xdr:cNvPicPr>
      </xdr:nvPicPr>
      <xdr:blipFill rotWithShape="1">
        <a:blip xmlns:r="http://schemas.openxmlformats.org/officeDocument/2006/relationships" r:embed="rId7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871" t="24726" r="12638" b="37400"/>
        <a:stretch/>
      </xdr:blipFill>
      <xdr:spPr bwMode="auto">
        <a:xfrm>
          <a:off x="2898321" y="7655551"/>
          <a:ext cx="1585505" cy="694035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168728</xdr:colOff>
      <xdr:row>68</xdr:row>
      <xdr:rowOff>412750</xdr:rowOff>
    </xdr:from>
    <xdr:to>
      <xdr:col>2</xdr:col>
      <xdr:colOff>1143000</xdr:colOff>
      <xdr:row>69</xdr:row>
      <xdr:rowOff>231320</xdr:rowOff>
    </xdr:to>
    <xdr:pic>
      <xdr:nvPicPr>
        <xdr:cNvPr id="160" name="图片 3"/>
        <xdr:cNvPicPr>
          <a:picLocks noChangeAspect="1"/>
        </xdr:cNvPicPr>
      </xdr:nvPicPr>
      <xdr:blipFill>
        <a:blip xmlns:r="http://schemas.openxmlformats.org/officeDocument/2006/relationships" r:embed="rId3"/>
        <a:srcRect l="23520" t="35944" r="26057" b="36140"/>
        <a:stretch>
          <a:fillRect/>
        </a:stretch>
      </xdr:blipFill>
      <xdr:spPr bwMode="auto">
        <a:xfrm>
          <a:off x="3899353" y="62007750"/>
          <a:ext cx="974272" cy="45357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80308</xdr:colOff>
      <xdr:row>72</xdr:row>
      <xdr:rowOff>251733</xdr:rowOff>
    </xdr:from>
    <xdr:to>
      <xdr:col>2</xdr:col>
      <xdr:colOff>1095376</xdr:colOff>
      <xdr:row>73</xdr:row>
      <xdr:rowOff>384726</xdr:rowOff>
    </xdr:to>
    <xdr:pic>
      <xdr:nvPicPr>
        <xdr:cNvPr id="161" name="图片 4"/>
        <xdr:cNvPicPr>
          <a:picLocks noChangeAspect="1"/>
        </xdr:cNvPicPr>
      </xdr:nvPicPr>
      <xdr:blipFill>
        <a:blip xmlns:r="http://schemas.openxmlformats.org/officeDocument/2006/relationships" r:embed="rId4"/>
        <a:srcRect l="34962" t="14038" r="23286" b="26425"/>
        <a:stretch>
          <a:fillRect/>
        </a:stretch>
      </xdr:blipFill>
      <xdr:spPr bwMode="auto">
        <a:xfrm>
          <a:off x="4010933" y="64386733"/>
          <a:ext cx="815068" cy="767993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72143</xdr:colOff>
      <xdr:row>70</xdr:row>
      <xdr:rowOff>250825</xdr:rowOff>
    </xdr:from>
    <xdr:to>
      <xdr:col>2</xdr:col>
      <xdr:colOff>1095375</xdr:colOff>
      <xdr:row>71</xdr:row>
      <xdr:rowOff>446768</xdr:rowOff>
    </xdr:to>
    <xdr:pic>
      <xdr:nvPicPr>
        <xdr:cNvPr id="162" name="图片 161" descr="屏幕剪辑"/>
        <xdr:cNvPicPr>
          <a:picLocks noChangeAspect="1"/>
        </xdr:cNvPicPr>
      </xdr:nvPicPr>
      <xdr:blipFill>
        <a:blip xmlns:r="http://schemas.openxmlformats.org/officeDocument/2006/relationships" r:embed="rId4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002768" y="63115825"/>
          <a:ext cx="823232" cy="830943"/>
        </a:xfrm>
        <a:prstGeom prst="rect">
          <a:avLst/>
        </a:prstGeom>
      </xdr:spPr>
    </xdr:pic>
    <xdr:clientData/>
  </xdr:twoCellAnchor>
  <xdr:twoCellAnchor>
    <xdr:from>
      <xdr:col>2</xdr:col>
      <xdr:colOff>182129</xdr:colOff>
      <xdr:row>40</xdr:row>
      <xdr:rowOff>333086</xdr:rowOff>
    </xdr:from>
    <xdr:to>
      <xdr:col>2</xdr:col>
      <xdr:colOff>1285875</xdr:colOff>
      <xdr:row>41</xdr:row>
      <xdr:rowOff>312697</xdr:rowOff>
    </xdr:to>
    <xdr:pic>
      <xdr:nvPicPr>
        <xdr:cNvPr id="190" name="图片 189" descr="25__=C7BB0DA3DF91FEE48f9e8a93d@cn-uniview"/>
        <xdr:cNvPicPr>
          <a:picLocks noChangeAspect="1" noChangeArrowheads="1"/>
        </xdr:cNvPicPr>
      </xdr:nvPicPr>
      <xdr:blipFill>
        <a:blip xmlns:r="http://schemas.openxmlformats.org/officeDocument/2006/relationships" r:embed="rId7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12754" y="28908086"/>
          <a:ext cx="1103746" cy="614611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166254</xdr:colOff>
      <xdr:row>164</xdr:row>
      <xdr:rowOff>651164</xdr:rowOff>
    </xdr:from>
    <xdr:to>
      <xdr:col>2</xdr:col>
      <xdr:colOff>1161594</xdr:colOff>
      <xdr:row>166</xdr:row>
      <xdr:rowOff>165102</xdr:rowOff>
    </xdr:to>
    <xdr:pic>
      <xdr:nvPicPr>
        <xdr:cNvPr id="196" name="Picture 2" descr="15__=C7BB0DA3DF91FEE48f9e8a93d@cn-uniview"/>
        <xdr:cNvPicPr>
          <a:picLocks noChangeAspect="1" noChangeArrowheads="1"/>
        </xdr:cNvPicPr>
      </xdr:nvPicPr>
      <xdr:blipFill>
        <a:blip xmlns:r="http://schemas.openxmlformats.org/officeDocument/2006/relationships" r:embed="rId76">
          <a:extLst>
            <a:ext uri="{BEBA8EAE-BF5A-486C-A8C5-ECC9F3942E4B}">
              <a14:imgProps xmlns:a14="http://schemas.microsoft.com/office/drawing/2010/main">
                <a14:imgLayer r:embed="rId77">
                  <a14:imgEffect>
                    <a14:backgroundRemoval t="0" b="96711" l="9341" r="89560">
                      <a14:foregroundMark x1="78022" y1="13816" x2="17582" y2="14474"/>
                      <a14:foregroundMark x1="23626" y1="16447" x2="15934" y2="1316"/>
                      <a14:foregroundMark x1="76374" y1="15132" x2="89560" y2="0"/>
                    </a14:backgroundRemoval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131127" y="99863564"/>
          <a:ext cx="995340" cy="83127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363944</xdr:colOff>
      <xdr:row>44</xdr:row>
      <xdr:rowOff>363336</xdr:rowOff>
    </xdr:from>
    <xdr:to>
      <xdr:col>2</xdr:col>
      <xdr:colOff>1044301</xdr:colOff>
      <xdr:row>45</xdr:row>
      <xdr:rowOff>270257</xdr:rowOff>
    </xdr:to>
    <xdr:pic>
      <xdr:nvPicPr>
        <xdr:cNvPr id="163" name="图片 162"/>
        <xdr:cNvPicPr>
          <a:picLocks noChangeAspect="1"/>
        </xdr:cNvPicPr>
      </xdr:nvPicPr>
      <xdr:blipFill rotWithShape="1">
        <a:blip xmlns:r="http://schemas.openxmlformats.org/officeDocument/2006/relationships" r:embed="rId7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7705" t="9195" r="24880" b="31690"/>
        <a:stretch/>
      </xdr:blipFill>
      <xdr:spPr>
        <a:xfrm>
          <a:off x="4094569" y="31478336"/>
          <a:ext cx="680357" cy="541921"/>
        </a:xfrm>
        <a:prstGeom prst="rect">
          <a:avLst/>
        </a:prstGeom>
      </xdr:spPr>
    </xdr:pic>
    <xdr:clientData/>
  </xdr:twoCellAnchor>
  <xdr:twoCellAnchor>
    <xdr:from>
      <xdr:col>2</xdr:col>
      <xdr:colOff>343150</xdr:colOff>
      <xdr:row>46</xdr:row>
      <xdr:rowOff>397119</xdr:rowOff>
    </xdr:from>
    <xdr:to>
      <xdr:col>2</xdr:col>
      <xdr:colOff>1032993</xdr:colOff>
      <xdr:row>47</xdr:row>
      <xdr:rowOff>357522</xdr:rowOff>
    </xdr:to>
    <xdr:pic>
      <xdr:nvPicPr>
        <xdr:cNvPr id="194" name="图片 193"/>
        <xdr:cNvPicPr>
          <a:picLocks noChangeAspect="1"/>
        </xdr:cNvPicPr>
      </xdr:nvPicPr>
      <xdr:blipFill rotWithShape="1">
        <a:blip xmlns:r="http://schemas.openxmlformats.org/officeDocument/2006/relationships" r:embed="rId7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6474" t="14114" r="22265" b="30346"/>
        <a:stretch/>
      </xdr:blipFill>
      <xdr:spPr>
        <a:xfrm>
          <a:off x="4086073" y="24853563"/>
          <a:ext cx="689843" cy="588471"/>
        </a:xfrm>
        <a:prstGeom prst="rect">
          <a:avLst/>
        </a:prstGeom>
      </xdr:spPr>
    </xdr:pic>
    <xdr:clientData/>
  </xdr:twoCellAnchor>
  <xdr:twoCellAnchor>
    <xdr:from>
      <xdr:col>2</xdr:col>
      <xdr:colOff>228063</xdr:colOff>
      <xdr:row>48</xdr:row>
      <xdr:rowOff>431710</xdr:rowOff>
    </xdr:from>
    <xdr:to>
      <xdr:col>2</xdr:col>
      <xdr:colOff>1237002</xdr:colOff>
      <xdr:row>49</xdr:row>
      <xdr:rowOff>317499</xdr:rowOff>
    </xdr:to>
    <xdr:pic>
      <xdr:nvPicPr>
        <xdr:cNvPr id="195" name="图片 194"/>
        <xdr:cNvPicPr>
          <a:picLocks noChangeAspect="1"/>
        </xdr:cNvPicPr>
      </xdr:nvPicPr>
      <xdr:blipFill rotWithShape="1">
        <a:blip xmlns:r="http://schemas.openxmlformats.org/officeDocument/2006/relationships" r:embed="rId8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9220" t="28175" r="16791" b="22703"/>
        <a:stretch/>
      </xdr:blipFill>
      <xdr:spPr>
        <a:xfrm>
          <a:off x="3958688" y="34086710"/>
          <a:ext cx="1008939" cy="520789"/>
        </a:xfrm>
        <a:prstGeom prst="rect">
          <a:avLst/>
        </a:prstGeom>
      </xdr:spPr>
    </xdr:pic>
    <xdr:clientData/>
  </xdr:twoCellAnchor>
  <xdr:twoCellAnchor>
    <xdr:from>
      <xdr:col>2</xdr:col>
      <xdr:colOff>362219</xdr:colOff>
      <xdr:row>171</xdr:row>
      <xdr:rowOff>93910</xdr:rowOff>
    </xdr:from>
    <xdr:to>
      <xdr:col>2</xdr:col>
      <xdr:colOff>998258</xdr:colOff>
      <xdr:row>171</xdr:row>
      <xdr:rowOff>471151</xdr:rowOff>
    </xdr:to>
    <xdr:pic>
      <xdr:nvPicPr>
        <xdr:cNvPr id="197" name="Picture 2"/>
        <xdr:cNvPicPr>
          <a:picLocks noChangeAspect="1"/>
        </xdr:cNvPicPr>
      </xdr:nvPicPr>
      <xdr:blipFill>
        <a:blip xmlns:r="http://schemas.openxmlformats.org/officeDocument/2006/relationships" r:embed="rId8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406" t="30570" r="26428" b="28774"/>
        <a:stretch>
          <a:fillRect/>
        </a:stretch>
      </xdr:blipFill>
      <xdr:spPr>
        <a:xfrm>
          <a:off x="4105142" y="107793487"/>
          <a:ext cx="636039" cy="377241"/>
        </a:xfrm>
        <a:prstGeom prst="rect">
          <a:avLst/>
        </a:prstGeom>
        <a:noFill/>
      </xdr:spPr>
    </xdr:pic>
    <xdr:clientData/>
  </xdr:twoCellAnchor>
  <xdr:twoCellAnchor>
    <xdr:from>
      <xdr:col>2</xdr:col>
      <xdr:colOff>364610</xdr:colOff>
      <xdr:row>172</xdr:row>
      <xdr:rowOff>47020</xdr:rowOff>
    </xdr:from>
    <xdr:to>
      <xdr:col>2</xdr:col>
      <xdr:colOff>973084</xdr:colOff>
      <xdr:row>172</xdr:row>
      <xdr:rowOff>523206</xdr:rowOff>
    </xdr:to>
    <xdr:pic>
      <xdr:nvPicPr>
        <xdr:cNvPr id="198" name="图片 197"/>
        <xdr:cNvPicPr>
          <a:picLocks noChangeAspect="1"/>
        </xdr:cNvPicPr>
      </xdr:nvPicPr>
      <xdr:blipFill>
        <a:blip xmlns:r="http://schemas.openxmlformats.org/officeDocument/2006/relationships" r:embed="rId8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107533" y="108323464"/>
          <a:ext cx="608474" cy="476186"/>
        </a:xfrm>
        <a:prstGeom prst="rect">
          <a:avLst/>
        </a:prstGeom>
      </xdr:spPr>
    </xdr:pic>
    <xdr:clientData/>
  </xdr:twoCellAnchor>
  <xdr:twoCellAnchor>
    <xdr:from>
      <xdr:col>2</xdr:col>
      <xdr:colOff>348803</xdr:colOff>
      <xdr:row>216</xdr:row>
      <xdr:rowOff>187817</xdr:rowOff>
    </xdr:from>
    <xdr:to>
      <xdr:col>2</xdr:col>
      <xdr:colOff>1069981</xdr:colOff>
      <xdr:row>217</xdr:row>
      <xdr:rowOff>158538</xdr:rowOff>
    </xdr:to>
    <xdr:pic>
      <xdr:nvPicPr>
        <xdr:cNvPr id="199" name="图片 198"/>
        <xdr:cNvPicPr>
          <a:picLocks noChangeAspect="1"/>
        </xdr:cNvPicPr>
      </xdr:nvPicPr>
      <xdr:blipFill rotWithShape="1">
        <a:blip xmlns:r="http://schemas.openxmlformats.org/officeDocument/2006/relationships" r:embed="rId8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2266" t="14249" r="31065" b="31250"/>
        <a:stretch/>
      </xdr:blipFill>
      <xdr:spPr bwMode="auto">
        <a:xfrm>
          <a:off x="4091726" y="148952218"/>
          <a:ext cx="721178" cy="609970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137956</xdr:colOff>
      <xdr:row>266</xdr:row>
      <xdr:rowOff>11611</xdr:rowOff>
    </xdr:from>
    <xdr:to>
      <xdr:col>2</xdr:col>
      <xdr:colOff>1254126</xdr:colOff>
      <xdr:row>267</xdr:row>
      <xdr:rowOff>1</xdr:rowOff>
    </xdr:to>
    <xdr:pic>
      <xdr:nvPicPr>
        <xdr:cNvPr id="200" name="图片 199" descr="C:\Users\X07269\AppData\Local\Microsoft\Windows\INetCache\Content.Word\0235C5G2-FR.PNG"/>
        <xdr:cNvPicPr>
          <a:picLocks noChangeAspect="1"/>
        </xdr:cNvPicPr>
      </xdr:nvPicPr>
      <xdr:blipFill rotWithShape="1">
        <a:blip xmlns:r="http://schemas.openxmlformats.org/officeDocument/2006/relationships" r:embed="rId8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6196" t="26079" r="20372" b="16018"/>
        <a:stretch/>
      </xdr:blipFill>
      <xdr:spPr bwMode="auto">
        <a:xfrm>
          <a:off x="3868581" y="206386611"/>
          <a:ext cx="1116170" cy="623390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158750</xdr:colOff>
      <xdr:row>24</xdr:row>
      <xdr:rowOff>396875</xdr:rowOff>
    </xdr:from>
    <xdr:to>
      <xdr:col>2</xdr:col>
      <xdr:colOff>1247351</xdr:colOff>
      <xdr:row>25</xdr:row>
      <xdr:rowOff>333375</xdr:rowOff>
    </xdr:to>
    <xdr:pic>
      <xdr:nvPicPr>
        <xdr:cNvPr id="208" name="Picture 2" descr="C:\Users\w06895\AppData\Local\Temp\ksohtml18524\wps1.jpg"/>
        <xdr:cNvPicPr>
          <a:picLocks noChangeAspect="1" noChangeArrowheads="1"/>
        </xdr:cNvPicPr>
      </xdr:nvPicPr>
      <xdr:blipFill>
        <a:blip xmlns:r="http://schemas.openxmlformats.org/officeDocument/2006/relationships" r:embed="rId5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4937125" y="18811875"/>
          <a:ext cx="1088601" cy="5715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218440</xdr:colOff>
      <xdr:row>26</xdr:row>
      <xdr:rowOff>301821</xdr:rowOff>
    </xdr:from>
    <xdr:to>
      <xdr:col>2</xdr:col>
      <xdr:colOff>1111250</xdr:colOff>
      <xdr:row>27</xdr:row>
      <xdr:rowOff>422941</xdr:rowOff>
    </xdr:to>
    <xdr:pic>
      <xdr:nvPicPr>
        <xdr:cNvPr id="209" name="Picture 4" descr="C:\Users\w06895\AppData\Local\Temp\ksohtml18524\wps2.jpg"/>
        <xdr:cNvPicPr>
          <a:picLocks noChangeAspect="1" noChangeArrowheads="1"/>
        </xdr:cNvPicPr>
      </xdr:nvPicPr>
      <xdr:blipFill>
        <a:blip xmlns:r="http://schemas.openxmlformats.org/officeDocument/2006/relationships" r:embed="rId8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4996815" y="19986821"/>
          <a:ext cx="892810" cy="75612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190499</xdr:colOff>
      <xdr:row>180</xdr:row>
      <xdr:rowOff>333375</xdr:rowOff>
    </xdr:from>
    <xdr:to>
      <xdr:col>2</xdr:col>
      <xdr:colOff>1222374</xdr:colOff>
      <xdr:row>181</xdr:row>
      <xdr:rowOff>334298</xdr:rowOff>
    </xdr:to>
    <xdr:pic>
      <xdr:nvPicPr>
        <xdr:cNvPr id="212" name="图片 85" descr="image005"/>
        <xdr:cNvPicPr>
          <a:picLocks noChangeAspect="1" noChangeArrowheads="1"/>
        </xdr:cNvPicPr>
      </xdr:nvPicPr>
      <xdr:blipFill>
        <a:blip xmlns:r="http://schemas.openxmlformats.org/officeDocument/2006/relationships" r:embed="rId8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68874" y="147018375"/>
          <a:ext cx="1031875" cy="63592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127000</xdr:colOff>
      <xdr:row>218</xdr:row>
      <xdr:rowOff>127000</xdr:rowOff>
    </xdr:from>
    <xdr:to>
      <xdr:col>2</xdr:col>
      <xdr:colOff>1308100</xdr:colOff>
      <xdr:row>218</xdr:row>
      <xdr:rowOff>612775</xdr:rowOff>
    </xdr:to>
    <xdr:pic>
      <xdr:nvPicPr>
        <xdr:cNvPr id="213" name="图片 13" descr="image007"/>
        <xdr:cNvPicPr>
          <a:picLocks noChangeAspect="1" noChangeArrowheads="1"/>
        </xdr:cNvPicPr>
      </xdr:nvPicPr>
      <xdr:blipFill>
        <a:blip xmlns:r="http://schemas.openxmlformats.org/officeDocument/2006/relationships" r:embed="rId87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905375" y="179832000"/>
          <a:ext cx="1181100" cy="4857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396875</xdr:colOff>
      <xdr:row>219</xdr:row>
      <xdr:rowOff>63500</xdr:rowOff>
    </xdr:from>
    <xdr:to>
      <xdr:col>2</xdr:col>
      <xdr:colOff>968375</xdr:colOff>
      <xdr:row>219</xdr:row>
      <xdr:rowOff>596900</xdr:rowOff>
    </xdr:to>
    <xdr:pic>
      <xdr:nvPicPr>
        <xdr:cNvPr id="214" name="图片 14" descr="image008"/>
        <xdr:cNvPicPr>
          <a:picLocks noChangeAspect="1" noChangeArrowheads="1"/>
        </xdr:cNvPicPr>
      </xdr:nvPicPr>
      <xdr:blipFill>
        <a:blip xmlns:r="http://schemas.openxmlformats.org/officeDocument/2006/relationships" r:embed="rId88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175250" y="180403500"/>
          <a:ext cx="571500" cy="53340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02079</xdr:colOff>
      <xdr:row>16</xdr:row>
      <xdr:rowOff>421824</xdr:rowOff>
    </xdr:from>
    <xdr:to>
      <xdr:col>2</xdr:col>
      <xdr:colOff>828201</xdr:colOff>
      <xdr:row>17</xdr:row>
      <xdr:rowOff>370116</xdr:rowOff>
    </xdr:to>
    <xdr:pic>
      <xdr:nvPicPr>
        <xdr:cNvPr id="30024" name="图片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3186793" y="12657367"/>
          <a:ext cx="526122" cy="78649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47437</xdr:colOff>
      <xdr:row>30</xdr:row>
      <xdr:rowOff>43544</xdr:rowOff>
    </xdr:from>
    <xdr:to>
      <xdr:col>2</xdr:col>
      <xdr:colOff>931397</xdr:colOff>
      <xdr:row>30</xdr:row>
      <xdr:rowOff>751115</xdr:rowOff>
    </xdr:to>
    <xdr:pic>
      <xdr:nvPicPr>
        <xdr:cNvPr id="30028" name="图片 5"/>
        <xdr:cNvPicPr>
          <a:picLocks noChangeAspect="1"/>
        </xdr:cNvPicPr>
      </xdr:nvPicPr>
      <xdr:blipFill>
        <a:blip xmlns:r="http://schemas.openxmlformats.org/officeDocument/2006/relationships" r:embed="rId2"/>
        <a:srcRect l="29260" t="10989" r="26894" b="11568"/>
        <a:stretch>
          <a:fillRect/>
        </a:stretch>
      </xdr:blipFill>
      <xdr:spPr bwMode="auto">
        <a:xfrm>
          <a:off x="3554187" y="26713544"/>
          <a:ext cx="583960" cy="70757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70089</xdr:colOff>
      <xdr:row>18</xdr:row>
      <xdr:rowOff>124690</xdr:rowOff>
    </xdr:from>
    <xdr:to>
      <xdr:col>2</xdr:col>
      <xdr:colOff>925285</xdr:colOff>
      <xdr:row>18</xdr:row>
      <xdr:rowOff>1111886</xdr:rowOff>
    </xdr:to>
    <xdr:pic>
      <xdr:nvPicPr>
        <xdr:cNvPr id="30029" name="图片 6"/>
        <xdr:cNvPicPr>
          <a:picLocks noChangeAspect="1"/>
        </xdr:cNvPicPr>
      </xdr:nvPicPr>
      <xdr:blipFill>
        <a:blip xmlns:r="http://schemas.openxmlformats.org/officeDocument/2006/relationships" r:embed="rId3"/>
        <a:srcRect l="20834" r="23215"/>
        <a:stretch>
          <a:fillRect/>
        </a:stretch>
      </xdr:blipFill>
      <xdr:spPr bwMode="auto">
        <a:xfrm>
          <a:off x="3051834" y="15073745"/>
          <a:ext cx="755196" cy="987196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1906939</xdr:colOff>
      <xdr:row>36</xdr:row>
      <xdr:rowOff>24783</xdr:rowOff>
    </xdr:from>
    <xdr:to>
      <xdr:col>2</xdr:col>
      <xdr:colOff>1351218</xdr:colOff>
      <xdr:row>37</xdr:row>
      <xdr:rowOff>47624</xdr:rowOff>
    </xdr:to>
    <xdr:pic>
      <xdr:nvPicPr>
        <xdr:cNvPr id="30030" name="图片 7"/>
        <xdr:cNvPicPr>
          <a:picLocks noChangeAspect="1"/>
        </xdr:cNvPicPr>
      </xdr:nvPicPr>
      <xdr:blipFill>
        <a:blip xmlns:r="http://schemas.openxmlformats.org/officeDocument/2006/relationships" r:embed="rId4"/>
        <a:srcRect/>
        <a:stretch>
          <a:fillRect/>
        </a:stretch>
      </xdr:blipFill>
      <xdr:spPr bwMode="auto">
        <a:xfrm>
          <a:off x="3129314" y="32790783"/>
          <a:ext cx="1428654" cy="784841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62858</xdr:colOff>
      <xdr:row>19</xdr:row>
      <xdr:rowOff>139700</xdr:rowOff>
    </xdr:from>
    <xdr:to>
      <xdr:col>2</xdr:col>
      <xdr:colOff>867683</xdr:colOff>
      <xdr:row>19</xdr:row>
      <xdr:rowOff>730250</xdr:rowOff>
    </xdr:to>
    <xdr:pic>
      <xdr:nvPicPr>
        <xdr:cNvPr id="30033" name="图片 10"/>
        <xdr:cNvPicPr>
          <a:picLocks noChangeAspect="1"/>
        </xdr:cNvPicPr>
      </xdr:nvPicPr>
      <xdr:blipFill>
        <a:blip xmlns:r="http://schemas.openxmlformats.org/officeDocument/2006/relationships" r:embed="rId5"/>
        <a:srcRect l="31061" t="11636" r="31059" b="6129"/>
        <a:stretch>
          <a:fillRect/>
        </a:stretch>
      </xdr:blipFill>
      <xdr:spPr bwMode="auto">
        <a:xfrm>
          <a:off x="3569608" y="17665700"/>
          <a:ext cx="504825" cy="590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39486</xdr:colOff>
      <xdr:row>38</xdr:row>
      <xdr:rowOff>38100</xdr:rowOff>
    </xdr:from>
    <xdr:to>
      <xdr:col>2</xdr:col>
      <xdr:colOff>915761</xdr:colOff>
      <xdr:row>38</xdr:row>
      <xdr:rowOff>1019175</xdr:rowOff>
    </xdr:to>
    <xdr:pic>
      <xdr:nvPicPr>
        <xdr:cNvPr id="30034" name="图片 11"/>
        <xdr:cNvPicPr>
          <a:picLocks noChangeAspect="1"/>
        </xdr:cNvPicPr>
      </xdr:nvPicPr>
      <xdr:blipFill>
        <a:blip xmlns:r="http://schemas.openxmlformats.org/officeDocument/2006/relationships" r:embed="rId3"/>
        <a:srcRect l="20834" r="23215"/>
        <a:stretch>
          <a:fillRect/>
        </a:stretch>
      </xdr:blipFill>
      <xdr:spPr bwMode="auto">
        <a:xfrm>
          <a:off x="3124200" y="33206871"/>
          <a:ext cx="676275" cy="981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70087</xdr:colOff>
      <xdr:row>1</xdr:row>
      <xdr:rowOff>27214</xdr:rowOff>
    </xdr:from>
    <xdr:to>
      <xdr:col>2</xdr:col>
      <xdr:colOff>955220</xdr:colOff>
      <xdr:row>1</xdr:row>
      <xdr:rowOff>673313</xdr:rowOff>
    </xdr:to>
    <xdr:pic>
      <xdr:nvPicPr>
        <xdr:cNvPr id="30037" name="图片 3" descr="2MP-F"/>
        <xdr:cNvPicPr>
          <a:picLocks noChangeAspect="1"/>
        </xdr:cNvPicPr>
      </xdr:nvPicPr>
      <xdr:blipFill>
        <a:blip xmlns:r="http://schemas.openxmlformats.org/officeDocument/2006/relationships" r:embed="rId6" cstate="print"/>
        <a:srcRect l="18478" t="10155" r="25177" b="24559"/>
        <a:stretch>
          <a:fillRect/>
        </a:stretch>
      </xdr:blipFill>
      <xdr:spPr bwMode="auto">
        <a:xfrm>
          <a:off x="2695573" y="647700"/>
          <a:ext cx="785133" cy="64609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21795</xdr:colOff>
      <xdr:row>2</xdr:row>
      <xdr:rowOff>148319</xdr:rowOff>
    </xdr:from>
    <xdr:to>
      <xdr:col>2</xdr:col>
      <xdr:colOff>1045027</xdr:colOff>
      <xdr:row>2</xdr:row>
      <xdr:rowOff>721179</xdr:rowOff>
    </xdr:to>
    <xdr:pic>
      <xdr:nvPicPr>
        <xdr:cNvPr id="30039" name="图片 3"/>
        <xdr:cNvPicPr>
          <a:picLocks noChangeAspect="1" noChangeArrowheads="1"/>
        </xdr:cNvPicPr>
      </xdr:nvPicPr>
      <xdr:blipFill>
        <a:blip xmlns:r="http://schemas.openxmlformats.org/officeDocument/2006/relationships" r:embed="rId7"/>
        <a:srcRect l="16856" t="15169" r="14000" b="17941"/>
        <a:stretch>
          <a:fillRect/>
        </a:stretch>
      </xdr:blipFill>
      <xdr:spPr bwMode="auto">
        <a:xfrm>
          <a:off x="2747281" y="1443719"/>
          <a:ext cx="823232" cy="57286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1862082</xdr:colOff>
      <xdr:row>8</xdr:row>
      <xdr:rowOff>44086</xdr:rowOff>
    </xdr:from>
    <xdr:to>
      <xdr:col>2</xdr:col>
      <xdr:colOff>1336476</xdr:colOff>
      <xdr:row>9</xdr:row>
      <xdr:rowOff>73476</xdr:rowOff>
    </xdr:to>
    <xdr:pic>
      <xdr:nvPicPr>
        <xdr:cNvPr id="30040" name="图片 17"/>
        <xdr:cNvPicPr>
          <a:picLocks noChangeAspect="1"/>
        </xdr:cNvPicPr>
      </xdr:nvPicPr>
      <xdr:blipFill>
        <a:blip xmlns:r="http://schemas.openxmlformats.org/officeDocument/2006/relationships" r:embed="rId8" cstate="print"/>
        <a:srcRect/>
        <a:stretch>
          <a:fillRect/>
        </a:stretch>
      </xdr:blipFill>
      <xdr:spPr bwMode="auto">
        <a:xfrm>
          <a:off x="3084457" y="8426086"/>
          <a:ext cx="1458769" cy="79139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89809</xdr:colOff>
      <xdr:row>9</xdr:row>
      <xdr:rowOff>42183</xdr:rowOff>
    </xdr:from>
    <xdr:to>
      <xdr:col>2</xdr:col>
      <xdr:colOff>1077687</xdr:colOff>
      <xdr:row>9</xdr:row>
      <xdr:rowOff>803296</xdr:rowOff>
    </xdr:to>
    <xdr:pic>
      <xdr:nvPicPr>
        <xdr:cNvPr id="30041" name="图片 18"/>
        <xdr:cNvPicPr>
          <a:picLocks noChangeAspect="1"/>
        </xdr:cNvPicPr>
      </xdr:nvPicPr>
      <xdr:blipFill>
        <a:blip xmlns:r="http://schemas.openxmlformats.org/officeDocument/2006/relationships" r:embed="rId9" cstate="print"/>
        <a:srcRect/>
        <a:stretch>
          <a:fillRect/>
        </a:stretch>
      </xdr:blipFill>
      <xdr:spPr bwMode="auto">
        <a:xfrm>
          <a:off x="2615295" y="4527097"/>
          <a:ext cx="987878" cy="761113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47625</xdr:colOff>
      <xdr:row>11</xdr:row>
      <xdr:rowOff>47625</xdr:rowOff>
    </xdr:from>
    <xdr:to>
      <xdr:col>2</xdr:col>
      <xdr:colOff>1141095</xdr:colOff>
      <xdr:row>12</xdr:row>
      <xdr:rowOff>28575</xdr:rowOff>
    </xdr:to>
    <xdr:pic>
      <xdr:nvPicPr>
        <xdr:cNvPr id="30042" name="图片 19"/>
        <xdr:cNvPicPr>
          <a:picLocks noChangeAspect="1"/>
        </xdr:cNvPicPr>
      </xdr:nvPicPr>
      <xdr:blipFill>
        <a:blip xmlns:r="http://schemas.openxmlformats.org/officeDocument/2006/relationships" r:embed="rId10" cstate="print"/>
        <a:srcRect/>
        <a:stretch>
          <a:fillRect/>
        </a:stretch>
      </xdr:blipFill>
      <xdr:spPr bwMode="auto">
        <a:xfrm>
          <a:off x="2705100" y="3895725"/>
          <a:ext cx="1200150" cy="828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45464</xdr:colOff>
      <xdr:row>9</xdr:row>
      <xdr:rowOff>794977</xdr:rowOff>
    </xdr:from>
    <xdr:to>
      <xdr:col>2</xdr:col>
      <xdr:colOff>740230</xdr:colOff>
      <xdr:row>10</xdr:row>
      <xdr:rowOff>808780</xdr:rowOff>
    </xdr:to>
    <xdr:pic>
      <xdr:nvPicPr>
        <xdr:cNvPr id="63" name="图片 62"/>
        <xdr:cNvPicPr>
          <a:picLocks noChangeAspect="1"/>
        </xdr:cNvPicPr>
      </xdr:nvPicPr>
      <xdr:blipFill rotWithShape="1"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4915" r="33357"/>
        <a:stretch/>
      </xdr:blipFill>
      <xdr:spPr>
        <a:xfrm>
          <a:off x="2740321" y="3777663"/>
          <a:ext cx="394766" cy="858931"/>
        </a:xfrm>
        <a:prstGeom prst="rect">
          <a:avLst/>
        </a:prstGeom>
      </xdr:spPr>
    </xdr:pic>
    <xdr:clientData/>
  </xdr:twoCellAnchor>
  <xdr:twoCellAnchor>
    <xdr:from>
      <xdr:col>1</xdr:col>
      <xdr:colOff>1890566</xdr:colOff>
      <xdr:row>12</xdr:row>
      <xdr:rowOff>285750</xdr:rowOff>
    </xdr:from>
    <xdr:to>
      <xdr:col>3</xdr:col>
      <xdr:colOff>25563</xdr:colOff>
      <xdr:row>13</xdr:row>
      <xdr:rowOff>509723</xdr:rowOff>
    </xdr:to>
    <xdr:pic>
      <xdr:nvPicPr>
        <xdr:cNvPr id="59" name="图片 58"/>
        <xdr:cNvPicPr>
          <a:picLocks noChangeAspect="1"/>
        </xdr:cNvPicPr>
      </xdr:nvPicPr>
      <xdr:blipFill>
        <a:blip xmlns:r="http://schemas.openxmlformats.org/officeDocument/2006/relationships" r:embed="rId1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112941" y="11715750"/>
          <a:ext cx="1484622" cy="985973"/>
        </a:xfrm>
        <a:prstGeom prst="rect">
          <a:avLst/>
        </a:prstGeom>
      </xdr:spPr>
    </xdr:pic>
    <xdr:clientData/>
  </xdr:twoCellAnchor>
  <xdr:twoCellAnchor>
    <xdr:from>
      <xdr:col>1</xdr:col>
      <xdr:colOff>1686335</xdr:colOff>
      <xdr:row>33</xdr:row>
      <xdr:rowOff>190501</xdr:rowOff>
    </xdr:from>
    <xdr:to>
      <xdr:col>3</xdr:col>
      <xdr:colOff>168275</xdr:colOff>
      <xdr:row>34</xdr:row>
      <xdr:rowOff>405429</xdr:rowOff>
    </xdr:to>
    <xdr:pic>
      <xdr:nvPicPr>
        <xdr:cNvPr id="49" name="图片 48"/>
        <xdr:cNvPicPr>
          <a:picLocks noChangeAspect="1"/>
        </xdr:cNvPicPr>
      </xdr:nvPicPr>
      <xdr:blipFill rotWithShape="1">
        <a:blip xmlns:r="http://schemas.openxmlformats.org/officeDocument/2006/relationships" r:embed="rId1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b="7425"/>
        <a:stretch/>
      </xdr:blipFill>
      <xdr:spPr>
        <a:xfrm>
          <a:off x="2908710" y="30670501"/>
          <a:ext cx="1831565" cy="976928"/>
        </a:xfrm>
        <a:prstGeom prst="rect">
          <a:avLst/>
        </a:prstGeom>
      </xdr:spPr>
    </xdr:pic>
    <xdr:clientData/>
  </xdr:twoCellAnchor>
  <xdr:twoCellAnchor>
    <xdr:from>
      <xdr:col>2</xdr:col>
      <xdr:colOff>302078</xdr:colOff>
      <xdr:row>14</xdr:row>
      <xdr:rowOff>381000</xdr:rowOff>
    </xdr:from>
    <xdr:to>
      <xdr:col>2</xdr:col>
      <xdr:colOff>980819</xdr:colOff>
      <xdr:row>15</xdr:row>
      <xdr:rowOff>388257</xdr:rowOff>
    </xdr:to>
    <xdr:pic>
      <xdr:nvPicPr>
        <xdr:cNvPr id="71" name="图片 2"/>
        <xdr:cNvPicPr>
          <a:picLocks noChangeAspect="1"/>
        </xdr:cNvPicPr>
      </xdr:nvPicPr>
      <xdr:blipFill>
        <a:blip xmlns:r="http://schemas.openxmlformats.org/officeDocument/2006/relationships" r:embed="rId14"/>
        <a:srcRect l="30550" t="18102" r="33466" b="16579"/>
        <a:stretch>
          <a:fillRect/>
        </a:stretch>
      </xdr:blipFill>
      <xdr:spPr bwMode="auto">
        <a:xfrm>
          <a:off x="3508828" y="13335000"/>
          <a:ext cx="678741" cy="76925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73264</xdr:colOff>
      <xdr:row>31</xdr:row>
      <xdr:rowOff>444500</xdr:rowOff>
    </xdr:from>
    <xdr:to>
      <xdr:col>2</xdr:col>
      <xdr:colOff>1076208</xdr:colOff>
      <xdr:row>32</xdr:row>
      <xdr:rowOff>508545</xdr:rowOff>
    </xdr:to>
    <xdr:pic>
      <xdr:nvPicPr>
        <xdr:cNvPr id="75" name="图片 6"/>
        <xdr:cNvPicPr>
          <a:picLocks noChangeAspect="1"/>
        </xdr:cNvPicPr>
      </xdr:nvPicPr>
      <xdr:blipFill>
        <a:blip xmlns:r="http://schemas.openxmlformats.org/officeDocument/2006/relationships" r:embed="rId3"/>
        <a:srcRect l="20834" r="23215"/>
        <a:stretch>
          <a:fillRect/>
        </a:stretch>
      </xdr:blipFill>
      <xdr:spPr bwMode="auto">
        <a:xfrm>
          <a:off x="3380014" y="28638500"/>
          <a:ext cx="902944" cy="82604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37455</xdr:colOff>
      <xdr:row>37</xdr:row>
      <xdr:rowOff>76200</xdr:rowOff>
    </xdr:from>
    <xdr:to>
      <xdr:col>2</xdr:col>
      <xdr:colOff>816428</xdr:colOff>
      <xdr:row>37</xdr:row>
      <xdr:rowOff>866775</xdr:rowOff>
    </xdr:to>
    <xdr:pic>
      <xdr:nvPicPr>
        <xdr:cNvPr id="76" name="图片 13"/>
        <xdr:cNvPicPr>
          <a:picLocks noChangeAspect="1"/>
        </xdr:cNvPicPr>
      </xdr:nvPicPr>
      <xdr:blipFill>
        <a:blip xmlns:r="http://schemas.openxmlformats.org/officeDocument/2006/relationships" r:embed="rId15"/>
        <a:srcRect l="38164" t="6944" r="29356" b="24358"/>
        <a:stretch>
          <a:fillRect/>
        </a:stretch>
      </xdr:blipFill>
      <xdr:spPr bwMode="auto">
        <a:xfrm>
          <a:off x="3222169" y="32243486"/>
          <a:ext cx="478973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91885</xdr:colOff>
      <xdr:row>39</xdr:row>
      <xdr:rowOff>130628</xdr:rowOff>
    </xdr:from>
    <xdr:to>
      <xdr:col>2</xdr:col>
      <xdr:colOff>830035</xdr:colOff>
      <xdr:row>39</xdr:row>
      <xdr:rowOff>921203</xdr:rowOff>
    </xdr:to>
    <xdr:pic>
      <xdr:nvPicPr>
        <xdr:cNvPr id="77" name="图片 13"/>
        <xdr:cNvPicPr>
          <a:picLocks noChangeAspect="1"/>
        </xdr:cNvPicPr>
      </xdr:nvPicPr>
      <xdr:blipFill>
        <a:blip xmlns:r="http://schemas.openxmlformats.org/officeDocument/2006/relationships" r:embed="rId15"/>
        <a:srcRect l="38164" t="6944" r="29356" b="24358"/>
        <a:stretch>
          <a:fillRect/>
        </a:stretch>
      </xdr:blipFill>
      <xdr:spPr bwMode="auto">
        <a:xfrm>
          <a:off x="3276599" y="34355314"/>
          <a:ext cx="438150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28599</xdr:colOff>
      <xdr:row>48</xdr:row>
      <xdr:rowOff>27596</xdr:rowOff>
    </xdr:from>
    <xdr:to>
      <xdr:col>2</xdr:col>
      <xdr:colOff>1190128</xdr:colOff>
      <xdr:row>48</xdr:row>
      <xdr:rowOff>781850</xdr:rowOff>
    </xdr:to>
    <xdr:pic>
      <xdr:nvPicPr>
        <xdr:cNvPr id="31" name="图片 30"/>
        <xdr:cNvPicPr>
          <a:picLocks noChangeAspect="1"/>
        </xdr:cNvPicPr>
      </xdr:nvPicPr>
      <xdr:blipFill rotWithShape="1">
        <a:blip xmlns:r="http://schemas.openxmlformats.org/officeDocument/2006/relationships" r:embed="rId1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2935" t="16760" r="14536" b="8742"/>
        <a:stretch/>
      </xdr:blipFill>
      <xdr:spPr bwMode="auto">
        <a:xfrm>
          <a:off x="3113313" y="55795110"/>
          <a:ext cx="961529" cy="754254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310862</xdr:colOff>
      <xdr:row>28</xdr:row>
      <xdr:rowOff>49356</xdr:rowOff>
    </xdr:from>
    <xdr:to>
      <xdr:col>2</xdr:col>
      <xdr:colOff>836984</xdr:colOff>
      <xdr:row>28</xdr:row>
      <xdr:rowOff>718951</xdr:rowOff>
    </xdr:to>
    <xdr:pic>
      <xdr:nvPicPr>
        <xdr:cNvPr id="32" name="图片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3517612" y="24433356"/>
          <a:ext cx="526122" cy="66959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52674</xdr:colOff>
      <xdr:row>23</xdr:row>
      <xdr:rowOff>31750</xdr:rowOff>
    </xdr:from>
    <xdr:to>
      <xdr:col>2</xdr:col>
      <xdr:colOff>878796</xdr:colOff>
      <xdr:row>23</xdr:row>
      <xdr:rowOff>760889</xdr:rowOff>
    </xdr:to>
    <xdr:pic>
      <xdr:nvPicPr>
        <xdr:cNvPr id="33" name="图片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3559424" y="19081750"/>
          <a:ext cx="526122" cy="729139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50405</xdr:colOff>
      <xdr:row>44</xdr:row>
      <xdr:rowOff>69273</xdr:rowOff>
    </xdr:from>
    <xdr:to>
      <xdr:col>2</xdr:col>
      <xdr:colOff>888286</xdr:colOff>
      <xdr:row>45</xdr:row>
      <xdr:rowOff>0</xdr:rowOff>
    </xdr:to>
    <xdr:pic>
      <xdr:nvPicPr>
        <xdr:cNvPr id="34" name="图片 33">
          <a:extLst>
            <a:ext uri="{FF2B5EF4-FFF2-40B4-BE49-F238E27FC236}">
              <a16:creationId xmlns:a16="http://schemas.microsoft.com/office/drawing/2014/main" xmlns="" id="{63D69BC5-F434-4865-AF08-76080AE1F20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8163" t="6944" r="29356" b="24358"/>
        <a:stretch>
          <a:fillRect/>
        </a:stretch>
      </xdr:blipFill>
      <xdr:spPr>
        <a:xfrm>
          <a:off x="3557155" y="39693273"/>
          <a:ext cx="537881" cy="692727"/>
        </a:xfrm>
        <a:prstGeom prst="rect">
          <a:avLst/>
        </a:prstGeom>
      </xdr:spPr>
    </xdr:pic>
    <xdr:clientData/>
  </xdr:twoCellAnchor>
  <xdr:twoCellAnchor>
    <xdr:from>
      <xdr:col>1</xdr:col>
      <xdr:colOff>1958109</xdr:colOff>
      <xdr:row>4</xdr:row>
      <xdr:rowOff>297297</xdr:rowOff>
    </xdr:from>
    <xdr:to>
      <xdr:col>2</xdr:col>
      <xdr:colOff>1285875</xdr:colOff>
      <xdr:row>5</xdr:row>
      <xdr:rowOff>437812</xdr:rowOff>
    </xdr:to>
    <xdr:pic>
      <xdr:nvPicPr>
        <xdr:cNvPr id="35" name="图片 34"/>
        <xdr:cNvPicPr>
          <a:picLocks noChangeAspect="1"/>
        </xdr:cNvPicPr>
      </xdr:nvPicPr>
      <xdr:blipFill>
        <a:blip xmlns:r="http://schemas.openxmlformats.org/officeDocument/2006/relationships" r:embed="rId1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180484" y="3345297"/>
          <a:ext cx="1312141" cy="902515"/>
        </a:xfrm>
        <a:prstGeom prst="rect">
          <a:avLst/>
        </a:prstGeom>
      </xdr:spPr>
    </xdr:pic>
    <xdr:clientData/>
  </xdr:twoCellAnchor>
  <xdr:twoCellAnchor>
    <xdr:from>
      <xdr:col>2</xdr:col>
      <xdr:colOff>36966</xdr:colOff>
      <xdr:row>6</xdr:row>
      <xdr:rowOff>8308</xdr:rowOff>
    </xdr:from>
    <xdr:to>
      <xdr:col>2</xdr:col>
      <xdr:colOff>1223242</xdr:colOff>
      <xdr:row>7</xdr:row>
      <xdr:rowOff>63720</xdr:rowOff>
    </xdr:to>
    <xdr:pic>
      <xdr:nvPicPr>
        <xdr:cNvPr id="36" name="图片 35"/>
        <xdr:cNvPicPr>
          <a:picLocks noChangeAspect="1"/>
        </xdr:cNvPicPr>
      </xdr:nvPicPr>
      <xdr:blipFill>
        <a:blip xmlns:r="http://schemas.openxmlformats.org/officeDocument/2006/relationships" r:embed="rId1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243716" y="4580308"/>
          <a:ext cx="1186276" cy="817412"/>
        </a:xfrm>
        <a:prstGeom prst="rect">
          <a:avLst/>
        </a:prstGeom>
      </xdr:spPr>
    </xdr:pic>
    <xdr:clientData/>
  </xdr:twoCellAnchor>
  <xdr:twoCellAnchor>
    <xdr:from>
      <xdr:col>2</xdr:col>
      <xdr:colOff>393126</xdr:colOff>
      <xdr:row>6</xdr:row>
      <xdr:rowOff>633216</xdr:rowOff>
    </xdr:from>
    <xdr:to>
      <xdr:col>2</xdr:col>
      <xdr:colOff>839352</xdr:colOff>
      <xdr:row>8</xdr:row>
      <xdr:rowOff>31750</xdr:rowOff>
    </xdr:to>
    <xdr:pic>
      <xdr:nvPicPr>
        <xdr:cNvPr id="45" name="图片 44"/>
        <xdr:cNvPicPr>
          <a:picLocks noChangeAspect="1"/>
        </xdr:cNvPicPr>
      </xdr:nvPicPr>
      <xdr:blipFill rotWithShape="1">
        <a:blip xmlns:r="http://schemas.openxmlformats.org/officeDocument/2006/relationships" r:embed="rId1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4915" r="33357"/>
        <a:stretch/>
      </xdr:blipFill>
      <xdr:spPr>
        <a:xfrm>
          <a:off x="3599876" y="5205216"/>
          <a:ext cx="446226" cy="922534"/>
        </a:xfrm>
        <a:prstGeom prst="rect">
          <a:avLst/>
        </a:prstGeom>
      </xdr:spPr>
    </xdr:pic>
    <xdr:clientData/>
  </xdr:twoCellAnchor>
  <xdr:twoCellAnchor>
    <xdr:from>
      <xdr:col>2</xdr:col>
      <xdr:colOff>364261</xdr:colOff>
      <xdr:row>20</xdr:row>
      <xdr:rowOff>1</xdr:rowOff>
    </xdr:from>
    <xdr:to>
      <xdr:col>2</xdr:col>
      <xdr:colOff>856267</xdr:colOff>
      <xdr:row>20</xdr:row>
      <xdr:rowOff>730251</xdr:rowOff>
    </xdr:to>
    <xdr:pic>
      <xdr:nvPicPr>
        <xdr:cNvPr id="46" name="图片 45"/>
        <xdr:cNvPicPr>
          <a:picLocks noChangeAspect="1"/>
        </xdr:cNvPicPr>
      </xdr:nvPicPr>
      <xdr:blipFill rotWithShape="1">
        <a:blip xmlns:r="http://schemas.openxmlformats.org/officeDocument/2006/relationships" r:embed="rId20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0573" t="6976" r="41288" b="14109"/>
        <a:stretch/>
      </xdr:blipFill>
      <xdr:spPr>
        <a:xfrm>
          <a:off x="3571011" y="16002001"/>
          <a:ext cx="492006" cy="730250"/>
        </a:xfrm>
        <a:prstGeom prst="rect">
          <a:avLst/>
        </a:prstGeom>
      </xdr:spPr>
    </xdr:pic>
    <xdr:clientData/>
  </xdr:twoCellAnchor>
  <xdr:twoCellAnchor>
    <xdr:from>
      <xdr:col>2</xdr:col>
      <xdr:colOff>364549</xdr:colOff>
      <xdr:row>24</xdr:row>
      <xdr:rowOff>11258</xdr:rowOff>
    </xdr:from>
    <xdr:to>
      <xdr:col>2</xdr:col>
      <xdr:colOff>904875</xdr:colOff>
      <xdr:row>24</xdr:row>
      <xdr:rowOff>746126</xdr:rowOff>
    </xdr:to>
    <xdr:pic>
      <xdr:nvPicPr>
        <xdr:cNvPr id="47" name="图片 46"/>
        <xdr:cNvPicPr>
          <a:picLocks noChangeAspect="1"/>
        </xdr:cNvPicPr>
      </xdr:nvPicPr>
      <xdr:blipFill rotWithShape="1">
        <a:blip xmlns:r="http://schemas.openxmlformats.org/officeDocument/2006/relationships" r:embed="rId2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8847" t="7781" r="28417" b="7593"/>
        <a:stretch/>
      </xdr:blipFill>
      <xdr:spPr>
        <a:xfrm>
          <a:off x="3571299" y="19823258"/>
          <a:ext cx="540326" cy="734868"/>
        </a:xfrm>
        <a:prstGeom prst="rect">
          <a:avLst/>
        </a:prstGeom>
      </xdr:spPr>
    </xdr:pic>
    <xdr:clientData/>
  </xdr:twoCellAnchor>
  <xdr:twoCellAnchor>
    <xdr:from>
      <xdr:col>2</xdr:col>
      <xdr:colOff>341348</xdr:colOff>
      <xdr:row>29</xdr:row>
      <xdr:rowOff>0</xdr:rowOff>
    </xdr:from>
    <xdr:to>
      <xdr:col>2</xdr:col>
      <xdr:colOff>936625</xdr:colOff>
      <xdr:row>29</xdr:row>
      <xdr:rowOff>755362</xdr:rowOff>
    </xdr:to>
    <xdr:pic>
      <xdr:nvPicPr>
        <xdr:cNvPr id="48" name="图片 47" descr="http://sgcdn.uniview.com/res/201801/08/20180108_1611531_1b_790169_140445_0.jpg"/>
        <xdr:cNvPicPr>
          <a:picLocks noChangeAspect="1"/>
        </xdr:cNvPicPr>
      </xdr:nvPicPr>
      <xdr:blipFill>
        <a:blip xmlns:r="http://schemas.openxmlformats.org/officeDocument/2006/relationships" r:embed="rId2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6289" r="27434"/>
        <a:stretch>
          <a:fillRect/>
        </a:stretch>
      </xdr:blipFill>
      <xdr:spPr>
        <a:xfrm>
          <a:off x="3548098" y="25908000"/>
          <a:ext cx="595277" cy="755362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261506</xdr:colOff>
      <xdr:row>24</xdr:row>
      <xdr:rowOff>672643</xdr:rowOff>
    </xdr:from>
    <xdr:to>
      <xdr:col>2</xdr:col>
      <xdr:colOff>1023506</xdr:colOff>
      <xdr:row>26</xdr:row>
      <xdr:rowOff>0</xdr:rowOff>
    </xdr:to>
    <xdr:pic>
      <xdr:nvPicPr>
        <xdr:cNvPr id="50" name="图片 49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20834" r="23214"/>
        <a:stretch>
          <a:fillRect/>
        </a:stretch>
      </xdr:blipFill>
      <xdr:spPr>
        <a:xfrm>
          <a:off x="3461906" y="19722643"/>
          <a:ext cx="762000" cy="889457"/>
        </a:xfrm>
        <a:prstGeom prst="rect">
          <a:avLst/>
        </a:prstGeom>
      </xdr:spPr>
    </xdr:pic>
    <xdr:clientData/>
  </xdr:twoCellAnchor>
  <xdr:twoCellAnchor>
    <xdr:from>
      <xdr:col>2</xdr:col>
      <xdr:colOff>902</xdr:colOff>
      <xdr:row>34</xdr:row>
      <xdr:rowOff>710841</xdr:rowOff>
    </xdr:from>
    <xdr:to>
      <xdr:col>2</xdr:col>
      <xdr:colOff>1223391</xdr:colOff>
      <xdr:row>36</xdr:row>
      <xdr:rowOff>82191</xdr:rowOff>
    </xdr:to>
    <xdr:pic>
      <xdr:nvPicPr>
        <xdr:cNvPr id="51" name="图片 50"/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207652" y="31952841"/>
          <a:ext cx="1222489" cy="895350"/>
        </a:xfrm>
        <a:prstGeom prst="rect">
          <a:avLst/>
        </a:prstGeom>
      </xdr:spPr>
    </xdr:pic>
    <xdr:clientData/>
  </xdr:twoCellAnchor>
  <xdr:twoCellAnchor>
    <xdr:from>
      <xdr:col>2</xdr:col>
      <xdr:colOff>359228</xdr:colOff>
      <xdr:row>41</xdr:row>
      <xdr:rowOff>43542</xdr:rowOff>
    </xdr:from>
    <xdr:to>
      <xdr:col>2</xdr:col>
      <xdr:colOff>897109</xdr:colOff>
      <xdr:row>42</xdr:row>
      <xdr:rowOff>160902</xdr:rowOff>
    </xdr:to>
    <xdr:pic>
      <xdr:nvPicPr>
        <xdr:cNvPr id="52" name="图片 51">
          <a:extLst>
            <a:ext uri="{FF2B5EF4-FFF2-40B4-BE49-F238E27FC236}">
              <a16:creationId xmlns:a16="http://schemas.microsoft.com/office/drawing/2014/main" xmlns="" id="{63D69BC5-F434-4865-AF08-76080AE1F20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8163" t="6944" r="29356" b="24358"/>
        <a:stretch>
          <a:fillRect/>
        </a:stretch>
      </xdr:blipFill>
      <xdr:spPr>
        <a:xfrm>
          <a:off x="3243942" y="45262799"/>
          <a:ext cx="537881" cy="879360"/>
        </a:xfrm>
        <a:prstGeom prst="rect">
          <a:avLst/>
        </a:prstGeom>
      </xdr:spPr>
    </xdr:pic>
    <xdr:clientData/>
  </xdr:twoCellAnchor>
  <xdr:twoCellAnchor>
    <xdr:from>
      <xdr:col>2</xdr:col>
      <xdr:colOff>243569</xdr:colOff>
      <xdr:row>45</xdr:row>
      <xdr:rowOff>89807</xdr:rowOff>
    </xdr:from>
    <xdr:to>
      <xdr:col>2</xdr:col>
      <xdr:colOff>864055</xdr:colOff>
      <xdr:row>45</xdr:row>
      <xdr:rowOff>730250</xdr:rowOff>
    </xdr:to>
    <xdr:pic>
      <xdr:nvPicPr>
        <xdr:cNvPr id="55" name="图片 54" descr="C:\Users\g00475\Desktop\111\123\中载云台渲染图.478.png"/>
        <xdr:cNvPicPr>
          <a:picLocks noChangeAspect="1"/>
        </xdr:cNvPicPr>
      </xdr:nvPicPr>
      <xdr:blipFill rotWithShape="1">
        <a:blip xmlns:r="http://schemas.openxmlformats.org/officeDocument/2006/relationships" r:embed="rId2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0791" t="27413" r="34746" b="13900"/>
        <a:stretch/>
      </xdr:blipFill>
      <xdr:spPr bwMode="auto">
        <a:xfrm>
          <a:off x="3450319" y="41237807"/>
          <a:ext cx="620486" cy="640443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53523</xdr:colOff>
      <xdr:row>46</xdr:row>
      <xdr:rowOff>729796</xdr:rowOff>
    </xdr:from>
    <xdr:to>
      <xdr:col>2</xdr:col>
      <xdr:colOff>1218295</xdr:colOff>
      <xdr:row>48</xdr:row>
      <xdr:rowOff>33110</xdr:rowOff>
    </xdr:to>
    <xdr:pic>
      <xdr:nvPicPr>
        <xdr:cNvPr id="56" name="图片 55" descr="D:\市场技术\市场技术资料\产品跟踪\热成像球机\渲染图\TIC6841-IR@F50-4X38-L-GB-F-1903.png"/>
        <xdr:cNvPicPr>
          <a:picLocks noChangeAspect="1"/>
        </xdr:cNvPicPr>
      </xdr:nvPicPr>
      <xdr:blipFill rotWithShape="1">
        <a:blip xmlns:r="http://schemas.openxmlformats.org/officeDocument/2006/relationships" r:embed="rId2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3905" b="6576"/>
        <a:stretch/>
      </xdr:blipFill>
      <xdr:spPr bwMode="auto">
        <a:xfrm>
          <a:off x="3260273" y="44163796"/>
          <a:ext cx="1164772" cy="827314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359353</xdr:colOff>
      <xdr:row>3</xdr:row>
      <xdr:rowOff>44738</xdr:rowOff>
    </xdr:from>
    <xdr:to>
      <xdr:col>2</xdr:col>
      <xdr:colOff>889000</xdr:colOff>
      <xdr:row>3</xdr:row>
      <xdr:rowOff>746125</xdr:rowOff>
    </xdr:to>
    <xdr:pic>
      <xdr:nvPicPr>
        <xdr:cNvPr id="53" name="图片 52"/>
        <xdr:cNvPicPr>
          <a:picLocks noChangeAspect="1"/>
        </xdr:cNvPicPr>
      </xdr:nvPicPr>
      <xdr:blipFill rotWithShape="1">
        <a:blip xmlns:r="http://schemas.openxmlformats.org/officeDocument/2006/relationships" r:embed="rId2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3088" t="8600" r="27811" b="2521"/>
        <a:stretch/>
      </xdr:blipFill>
      <xdr:spPr bwMode="auto">
        <a:xfrm>
          <a:off x="3566103" y="2330738"/>
          <a:ext cx="529647" cy="701387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256268</xdr:colOff>
      <xdr:row>21</xdr:row>
      <xdr:rowOff>317499</xdr:rowOff>
    </xdr:from>
    <xdr:to>
      <xdr:col>2</xdr:col>
      <xdr:colOff>1079391</xdr:colOff>
      <xdr:row>22</xdr:row>
      <xdr:rowOff>523874</xdr:rowOff>
    </xdr:to>
    <xdr:pic>
      <xdr:nvPicPr>
        <xdr:cNvPr id="54" name="图片 53" descr="图片11111111111"/>
        <xdr:cNvPicPr>
          <a:picLocks noChangeAspect="1" noChangeArrowheads="1"/>
        </xdr:cNvPicPr>
      </xdr:nvPicPr>
      <xdr:blipFill>
        <a:blip xmlns:r="http://schemas.openxmlformats.org/officeDocument/2006/relationships" r:embed="rId2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t="14398" r="7419"/>
        <a:stretch>
          <a:fillRect/>
        </a:stretch>
      </xdr:blipFill>
      <xdr:spPr>
        <a:xfrm>
          <a:off x="3463018" y="17081499"/>
          <a:ext cx="823123" cy="96837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596122</xdr:colOff>
      <xdr:row>39</xdr:row>
      <xdr:rowOff>541017</xdr:rowOff>
    </xdr:from>
    <xdr:to>
      <xdr:col>3</xdr:col>
      <xdr:colOff>21559</xdr:colOff>
      <xdr:row>40</xdr:row>
      <xdr:rowOff>365125</xdr:rowOff>
    </xdr:to>
    <xdr:pic>
      <xdr:nvPicPr>
        <xdr:cNvPr id="31017" name="图片 4"/>
        <xdr:cNvPicPr>
          <a:picLocks noChangeAspect="1"/>
        </xdr:cNvPicPr>
      </xdr:nvPicPr>
      <xdr:blipFill>
        <a:blip xmlns:r="http://schemas.openxmlformats.org/officeDocument/2006/relationships" r:embed="rId1" cstate="print"/>
        <a:srcRect l="16930" t="30495" r="19109" b="37814"/>
        <a:stretch>
          <a:fillRect/>
        </a:stretch>
      </xdr:blipFill>
      <xdr:spPr bwMode="auto">
        <a:xfrm>
          <a:off x="2818497" y="23401017"/>
          <a:ext cx="2029062" cy="45910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305707</xdr:colOff>
      <xdr:row>22</xdr:row>
      <xdr:rowOff>7710</xdr:rowOff>
    </xdr:from>
    <xdr:to>
      <xdr:col>2</xdr:col>
      <xdr:colOff>1393627</xdr:colOff>
      <xdr:row>23</xdr:row>
      <xdr:rowOff>95250</xdr:rowOff>
    </xdr:to>
    <xdr:pic>
      <xdr:nvPicPr>
        <xdr:cNvPr id="31026" name="图片 18" descr="C:\Users\s01501\AppData\Roaming\Foxmail7\Temp-5900-20190228084323\fox(03-01-10-42-19).gif"/>
        <xdr:cNvPicPr>
          <a:picLocks noChangeAspect="1" noChangeArrowheads="1"/>
        </xdr:cNvPicPr>
      </xdr:nvPicPr>
      <xdr:blipFill>
        <a:blip xmlns:r="http://schemas.openxmlformats.org/officeDocument/2006/relationships" r:embed="rId2"/>
        <a:srcRect/>
        <a:stretch>
          <a:fillRect/>
        </a:stretch>
      </xdr:blipFill>
      <xdr:spPr bwMode="auto">
        <a:xfrm>
          <a:off x="3163207" y="17787710"/>
          <a:ext cx="1087920" cy="72254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20891</xdr:colOff>
      <xdr:row>24</xdr:row>
      <xdr:rowOff>282982</xdr:rowOff>
    </xdr:from>
    <xdr:to>
      <xdr:col>2</xdr:col>
      <xdr:colOff>1587500</xdr:colOff>
      <xdr:row>25</xdr:row>
      <xdr:rowOff>394607</xdr:rowOff>
    </xdr:to>
    <xdr:pic>
      <xdr:nvPicPr>
        <xdr:cNvPr id="31027" name="图片 19" descr="C:\Users\s01501\AppData\Roaming\Foxmail7\Temp-5900-20190228084323\fox(03-01-10-42-19)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3078391" y="19332982"/>
          <a:ext cx="1366609" cy="746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78925</xdr:colOff>
      <xdr:row>19</xdr:row>
      <xdr:rowOff>87085</xdr:rowOff>
    </xdr:from>
    <xdr:to>
      <xdr:col>2</xdr:col>
      <xdr:colOff>1603375</xdr:colOff>
      <xdr:row>20</xdr:row>
      <xdr:rowOff>117022</xdr:rowOff>
    </xdr:to>
    <xdr:pic>
      <xdr:nvPicPr>
        <xdr:cNvPr id="31028" name="图片 21" descr="C:\Users\s01501\AppData\Roaming\Foxmail7\Temp-5900-20190228084323\fox(03-01-10-42-19)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2936425" y="15962085"/>
          <a:ext cx="1524450" cy="6649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28816</xdr:colOff>
      <xdr:row>50</xdr:row>
      <xdr:rowOff>516328</xdr:rowOff>
    </xdr:from>
    <xdr:to>
      <xdr:col>2</xdr:col>
      <xdr:colOff>1660871</xdr:colOff>
      <xdr:row>51</xdr:row>
      <xdr:rowOff>277090</xdr:rowOff>
    </xdr:to>
    <xdr:pic>
      <xdr:nvPicPr>
        <xdr:cNvPr id="31030" name="图片 15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 l="11348" t="44783" r="13197" b="24069"/>
        <a:stretch>
          <a:fillRect/>
        </a:stretch>
      </xdr:blipFill>
      <xdr:spPr bwMode="auto">
        <a:xfrm>
          <a:off x="2986316" y="31631328"/>
          <a:ext cx="1532055" cy="39576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19983</xdr:colOff>
      <xdr:row>4</xdr:row>
      <xdr:rowOff>89352</xdr:rowOff>
    </xdr:from>
    <xdr:to>
      <xdr:col>2</xdr:col>
      <xdr:colOff>1652005</xdr:colOff>
      <xdr:row>4</xdr:row>
      <xdr:rowOff>546099</xdr:rowOff>
    </xdr:to>
    <xdr:pic>
      <xdr:nvPicPr>
        <xdr:cNvPr id="31035" name="图片 24" descr="C:\Users\f05799\AppData\Local\Temp\notesE97E9E\nvr301U三灯.1301.png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/>
        <a:srcRect l="11275" t="45511" r="16417" b="21658"/>
        <a:stretch>
          <a:fillRect/>
        </a:stretch>
      </xdr:blipFill>
      <xdr:spPr bwMode="auto">
        <a:xfrm>
          <a:off x="2836183" y="2203902"/>
          <a:ext cx="1432022" cy="45674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24156</xdr:colOff>
      <xdr:row>48</xdr:row>
      <xdr:rowOff>360958</xdr:rowOff>
    </xdr:from>
    <xdr:to>
      <xdr:col>2</xdr:col>
      <xdr:colOff>1530442</xdr:colOff>
      <xdr:row>49</xdr:row>
      <xdr:rowOff>277088</xdr:rowOff>
    </xdr:to>
    <xdr:pic>
      <xdr:nvPicPr>
        <xdr:cNvPr id="76" name="图片 75" descr="http://sgcdn.uniview.com/res/201901/22/20190122_1707131_1_837950_140445_0.jpg"/>
        <xdr:cNvPicPr>
          <a:picLocks noChangeAspect="1" noChangeArrowheads="1"/>
        </xdr:cNvPicPr>
      </xdr:nvPicPr>
      <xdr:blipFill rotWithShape="1">
        <a:blip xmlns:r="http://schemas.openxmlformats.org/officeDocument/2006/relationships" r:embed="rId6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 l="1" t="28262" r="-849" b="32319"/>
        <a:stretch/>
      </xdr:blipFill>
      <xdr:spPr bwMode="auto">
        <a:xfrm>
          <a:off x="2801101" y="24897358"/>
          <a:ext cx="1306286" cy="53958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270334</xdr:colOff>
      <xdr:row>12</xdr:row>
      <xdr:rowOff>142875</xdr:rowOff>
    </xdr:from>
    <xdr:to>
      <xdr:col>2</xdr:col>
      <xdr:colOff>1460500</xdr:colOff>
      <xdr:row>12</xdr:row>
      <xdr:rowOff>631373</xdr:rowOff>
    </xdr:to>
    <xdr:pic>
      <xdr:nvPicPr>
        <xdr:cNvPr id="79" name="图片 78" descr="C:\Users\f05799\AppData\Local\Temp\notesE97E9E\nvr301U三灯.1301.png"/>
        <xdr:cNvPicPr>
          <a:picLocks noChangeAspect="1"/>
        </xdr:cNvPicPr>
      </xdr:nvPicPr>
      <xdr:blipFill rotWithShape="1">
        <a:blip xmlns:r="http://schemas.openxmlformats.org/officeDocument/2006/relationships" r:embed="rId7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1274" t="45511" r="16417" b="21658"/>
        <a:stretch/>
      </xdr:blipFill>
      <xdr:spPr bwMode="auto">
        <a:xfrm>
          <a:off x="3127834" y="11572875"/>
          <a:ext cx="1190166" cy="488498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304805</xdr:colOff>
      <xdr:row>16</xdr:row>
      <xdr:rowOff>47626</xdr:rowOff>
    </xdr:from>
    <xdr:to>
      <xdr:col>2</xdr:col>
      <xdr:colOff>1349374</xdr:colOff>
      <xdr:row>17</xdr:row>
      <xdr:rowOff>21772</xdr:rowOff>
    </xdr:to>
    <xdr:pic>
      <xdr:nvPicPr>
        <xdr:cNvPr id="80" name="图片 79" descr="\\info-server\产品资料库\05-产品宣传彩页\英文版\02 NVR\01-NVR\Easy\UNV NVR301-08LX-P8 V1.00\图片\NVR301-08LX-P8 (2).png"/>
        <xdr:cNvPicPr>
          <a:picLocks noChangeAspect="1"/>
        </xdr:cNvPicPr>
      </xdr:nvPicPr>
      <xdr:blipFill rotWithShape="1">
        <a:blip xmlns:r="http://schemas.openxmlformats.org/officeDocument/2006/relationships" r:embed="rId8" cstate="print">
          <a:extLst>
            <a:ext uri="{BEBA8EAE-BF5A-486C-A8C5-ECC9F3942E4B}">
              <a14:imgProps xmlns:a14="http://schemas.microsoft.com/office/drawing/2010/main">
                <a14:imgLayer>
                  <a14:imgEffect>
                    <a14:backgroundRemoval t="19550" b="68945" l="18089" r="81206">
                      <a14:foregroundMark x1="33868" y1="31401" x2="60552" y2="32872"/>
                      <a14:foregroundMark x1="34573" y1="37716" x2="56318" y2="42907"/>
                      <a14:foregroundMark x1="52470" y1="44810" x2="69660" y2="34429"/>
                      <a14:foregroundMark x1="36305" y1="61159" x2="66132" y2="60727"/>
                      <a14:foregroundMark x1="26876" y1="61851" x2="37716" y2="62630"/>
                    </a14:backgroundRemoval>
                  </a14:imgEffect>
                </a14:imgLayer>
              </a14:imgProps>
            </a:ext>
            <a:ext uri="{28A0092B-C50C-407E-A947-70E740481C1C}">
              <a14:useLocalDpi xmlns:a14="http://schemas.microsoft.com/office/drawing/2010/main" val="0"/>
            </a:ext>
          </a:extLst>
        </a:blip>
        <a:srcRect l="22809" t="21178" r="23115" b="33580"/>
        <a:stretch/>
      </xdr:blipFill>
      <xdr:spPr bwMode="auto">
        <a:xfrm>
          <a:off x="3162305" y="14017626"/>
          <a:ext cx="1044569" cy="609146"/>
        </a:xfrm>
        <a:prstGeom prst="rect">
          <a:avLst/>
        </a:prstGeom>
        <a:noFill/>
        <a:ln>
          <a:noFill/>
        </a:ln>
        <a:extLst>
          <a:ext uri="{53640926-AAD7-44D8-BBD7-CCE9431645EC}">
            <a14:shadowObscured xmlns:a14="http://schemas.microsoft.com/office/drawing/2010/main"/>
          </a:ext>
        </a:extLst>
      </xdr:spPr>
    </xdr:pic>
    <xdr:clientData/>
  </xdr:twoCellAnchor>
  <xdr:twoCellAnchor>
    <xdr:from>
      <xdr:col>2</xdr:col>
      <xdr:colOff>212270</xdr:colOff>
      <xdr:row>8</xdr:row>
      <xdr:rowOff>0</xdr:rowOff>
    </xdr:from>
    <xdr:to>
      <xdr:col>2</xdr:col>
      <xdr:colOff>1565466</xdr:colOff>
      <xdr:row>8</xdr:row>
      <xdr:rowOff>568325</xdr:rowOff>
    </xdr:to>
    <xdr:pic>
      <xdr:nvPicPr>
        <xdr:cNvPr id="14" name="图片 17" descr="C:\Users\s01501\AppData\Roaming\Foxmail7\Temp-5900-20190228084323\fox(03-01-10-33-36)(2).gif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2828470" y="5806168"/>
          <a:ext cx="1353196" cy="68670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06968</xdr:colOff>
      <xdr:row>72</xdr:row>
      <xdr:rowOff>372867</xdr:rowOff>
    </xdr:from>
    <xdr:to>
      <xdr:col>2</xdr:col>
      <xdr:colOff>1500332</xdr:colOff>
      <xdr:row>73</xdr:row>
      <xdr:rowOff>261215</xdr:rowOff>
    </xdr:to>
    <xdr:pic>
      <xdr:nvPicPr>
        <xdr:cNvPr id="15" name="图片 14"/>
        <xdr:cNvPicPr>
          <a:picLocks noChangeAspect="1"/>
        </xdr:cNvPicPr>
      </xdr:nvPicPr>
      <xdr:blipFill rotWithShape="1">
        <a:blip xmlns:r="http://schemas.openxmlformats.org/officeDocument/2006/relationships" r:embed="rId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3368" t="19239" r="13394" b="28450"/>
        <a:stretch>
          <a:fillRect/>
        </a:stretch>
      </xdr:blipFill>
      <xdr:spPr bwMode="auto">
        <a:xfrm>
          <a:off x="3064468" y="46727867"/>
          <a:ext cx="1293364" cy="523348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2</xdr:col>
      <xdr:colOff>553810</xdr:colOff>
      <xdr:row>2</xdr:row>
      <xdr:rowOff>158750</xdr:rowOff>
    </xdr:from>
    <xdr:to>
      <xdr:col>2</xdr:col>
      <xdr:colOff>1333500</xdr:colOff>
      <xdr:row>3</xdr:row>
      <xdr:rowOff>155562</xdr:rowOff>
    </xdr:to>
    <xdr:pic>
      <xdr:nvPicPr>
        <xdr:cNvPr id="17" name="图片 25" descr="C:\Users\f05799\AppData\Local\Temp\notesE97E9E\~4100263.png"/>
        <xdr:cNvPicPr>
          <a:picLocks noChangeAspect="1" noChangeArrowheads="1"/>
        </xdr:cNvPicPr>
      </xdr:nvPicPr>
      <xdr:blipFill>
        <a:blip xmlns:r="http://schemas.openxmlformats.org/officeDocument/2006/relationships" r:embed="rId10" cstate="print"/>
        <a:srcRect l="32158" t="26295" r="32135" b="21127"/>
        <a:stretch>
          <a:fillRect/>
        </a:stretch>
      </xdr:blipFill>
      <xdr:spPr bwMode="auto">
        <a:xfrm>
          <a:off x="3170010" y="1003300"/>
          <a:ext cx="779690" cy="63181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68966</xdr:colOff>
      <xdr:row>6</xdr:row>
      <xdr:rowOff>379475</xdr:rowOff>
    </xdr:from>
    <xdr:to>
      <xdr:col>2</xdr:col>
      <xdr:colOff>1617124</xdr:colOff>
      <xdr:row>7</xdr:row>
      <xdr:rowOff>428625</xdr:rowOff>
    </xdr:to>
    <xdr:pic>
      <xdr:nvPicPr>
        <xdr:cNvPr id="18" name="图片 17" descr="C:\Users\s01501\AppData\Roaming\Foxmail7\Temp-5900-20190228084323\fox(03-01-10-33-36)(2).gif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3126466" y="6729475"/>
          <a:ext cx="1348158" cy="684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35659</xdr:colOff>
      <xdr:row>58</xdr:row>
      <xdr:rowOff>558800</xdr:rowOff>
    </xdr:from>
    <xdr:to>
      <xdr:col>2</xdr:col>
      <xdr:colOff>1593273</xdr:colOff>
      <xdr:row>59</xdr:row>
      <xdr:rowOff>474849</xdr:rowOff>
    </xdr:to>
    <xdr:pic>
      <xdr:nvPicPr>
        <xdr:cNvPr id="16" name="图片 15"/>
        <xdr:cNvPicPr>
          <a:picLocks noChangeAspect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2065" t="28899" r="10673" b="27577"/>
        <a:stretch>
          <a:fillRect/>
        </a:stretch>
      </xdr:blipFill>
      <xdr:spPr>
        <a:xfrm>
          <a:off x="2712604" y="27990800"/>
          <a:ext cx="1457614" cy="551049"/>
        </a:xfrm>
        <a:prstGeom prst="rect">
          <a:avLst/>
        </a:prstGeom>
      </xdr:spPr>
    </xdr:pic>
    <xdr:clientData/>
  </xdr:twoCellAnchor>
  <xdr:twoCellAnchor>
    <xdr:from>
      <xdr:col>2</xdr:col>
      <xdr:colOff>242000</xdr:colOff>
      <xdr:row>64</xdr:row>
      <xdr:rowOff>89424</xdr:rowOff>
    </xdr:from>
    <xdr:to>
      <xdr:col>2</xdr:col>
      <xdr:colOff>1727899</xdr:colOff>
      <xdr:row>64</xdr:row>
      <xdr:rowOff>548528</xdr:rowOff>
    </xdr:to>
    <xdr:pic>
      <xdr:nvPicPr>
        <xdr:cNvPr id="19" name="图片 18"/>
        <xdr:cNvPicPr>
          <a:picLocks noChangeAspect="1"/>
        </xdr:cNvPicPr>
      </xdr:nvPicPr>
      <xdr:blipFill>
        <a:blip xmlns:r="http://schemas.openxmlformats.org/officeDocument/2006/relationships" r:embed="rId12" cstate="print">
          <a:lum/>
        </a:blip>
        <a:srcRect/>
        <a:stretch>
          <a:fillRect/>
        </a:stretch>
      </xdr:blipFill>
      <xdr:spPr>
        <a:xfrm>
          <a:off x="3099500" y="39459424"/>
          <a:ext cx="1485899" cy="459104"/>
        </a:xfrm>
        <a:prstGeom prst="rect">
          <a:avLst/>
        </a:prstGeom>
        <a:noFill/>
        <a:ln w="9525">
          <a:noFill/>
          <a:miter/>
        </a:ln>
      </xdr:spPr>
    </xdr:pic>
    <xdr:clientData/>
  </xdr:twoCellAnchor>
  <xdr:twoCellAnchor>
    <xdr:from>
      <xdr:col>2</xdr:col>
      <xdr:colOff>192301</xdr:colOff>
      <xdr:row>64</xdr:row>
      <xdr:rowOff>418760</xdr:rowOff>
    </xdr:from>
    <xdr:to>
      <xdr:col>2</xdr:col>
      <xdr:colOff>1745435</xdr:colOff>
      <xdr:row>66</xdr:row>
      <xdr:rowOff>309502</xdr:rowOff>
    </xdr:to>
    <xdr:pic>
      <xdr:nvPicPr>
        <xdr:cNvPr id="20" name="Picture 2" descr="F:\分销海外产品彩页\海外产品彩页\海外彩页\GNVR V5R1\B01\NVR516 Series V2.1\NVR516_B.png"/>
        <xdr:cNvPicPr>
          <a:picLocks noChangeAspect="1" noChangeArrowheads="1"/>
        </xdr:cNvPicPr>
      </xdr:nvPicPr>
      <xdr:blipFill>
        <a:blip xmlns:r="http://schemas.openxmlformats.org/officeDocument/2006/relationships" r:embed="rId13" cstate="print"/>
        <a:srcRect/>
        <a:stretch>
          <a:fillRect/>
        </a:stretch>
      </xdr:blipFill>
      <xdr:spPr>
        <a:xfrm>
          <a:off x="3049801" y="39788760"/>
          <a:ext cx="1553134" cy="1160742"/>
        </a:xfrm>
        <a:prstGeom prst="rect">
          <a:avLst/>
        </a:prstGeom>
        <a:noFill/>
      </xdr:spPr>
    </xdr:pic>
    <xdr:clientData/>
  </xdr:twoCellAnchor>
  <xdr:twoCellAnchor>
    <xdr:from>
      <xdr:col>2</xdr:col>
      <xdr:colOff>124460</xdr:colOff>
      <xdr:row>74</xdr:row>
      <xdr:rowOff>42833</xdr:rowOff>
    </xdr:from>
    <xdr:to>
      <xdr:col>2</xdr:col>
      <xdr:colOff>1955973</xdr:colOff>
      <xdr:row>75</xdr:row>
      <xdr:rowOff>63788</xdr:rowOff>
    </xdr:to>
    <xdr:pic>
      <xdr:nvPicPr>
        <xdr:cNvPr id="22" name="图片 21"/>
        <xdr:cNvPicPr>
          <a:picLocks noChangeAspect="1"/>
        </xdr:cNvPicPr>
      </xdr:nvPicPr>
      <xdr:blipFill>
        <a:blip xmlns:r="http://schemas.openxmlformats.org/officeDocument/2006/relationships" r:embed="rId1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981960" y="47667833"/>
          <a:ext cx="1831513" cy="655955"/>
        </a:xfrm>
        <a:prstGeom prst="rect">
          <a:avLst/>
        </a:prstGeom>
      </xdr:spPr>
    </xdr:pic>
    <xdr:clientData/>
  </xdr:twoCellAnchor>
  <xdr:twoCellAnchor>
    <xdr:from>
      <xdr:col>2</xdr:col>
      <xdr:colOff>223177</xdr:colOff>
      <xdr:row>66</xdr:row>
      <xdr:rowOff>69273</xdr:rowOff>
    </xdr:from>
    <xdr:to>
      <xdr:col>2</xdr:col>
      <xdr:colOff>1566202</xdr:colOff>
      <xdr:row>66</xdr:row>
      <xdr:rowOff>544928</xdr:rowOff>
    </xdr:to>
    <xdr:pic>
      <xdr:nvPicPr>
        <xdr:cNvPr id="23" name="图片 22"/>
        <xdr:cNvPicPr>
          <a:picLocks noChangeAspect="1"/>
        </xdr:cNvPicPr>
      </xdr:nvPicPr>
      <xdr:blipFill>
        <a:blip xmlns:r="http://schemas.openxmlformats.org/officeDocument/2006/relationships" r:embed="rId1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800122" y="34262291"/>
          <a:ext cx="1343025" cy="475655"/>
        </a:xfrm>
        <a:prstGeom prst="rect">
          <a:avLst/>
        </a:prstGeom>
      </xdr:spPr>
    </xdr:pic>
    <xdr:clientData/>
  </xdr:twoCellAnchor>
  <xdr:twoCellAnchor>
    <xdr:from>
      <xdr:col>2</xdr:col>
      <xdr:colOff>123165</xdr:colOff>
      <xdr:row>67</xdr:row>
      <xdr:rowOff>48491</xdr:rowOff>
    </xdr:from>
    <xdr:to>
      <xdr:col>2</xdr:col>
      <xdr:colOff>1609064</xdr:colOff>
      <xdr:row>67</xdr:row>
      <xdr:rowOff>507595</xdr:rowOff>
    </xdr:to>
    <xdr:pic>
      <xdr:nvPicPr>
        <xdr:cNvPr id="24" name="图片 23"/>
        <xdr:cNvPicPr>
          <a:picLocks noChangeAspect="1"/>
        </xdr:cNvPicPr>
      </xdr:nvPicPr>
      <xdr:blipFill>
        <a:blip xmlns:r="http://schemas.openxmlformats.org/officeDocument/2006/relationships" r:embed="rId12" cstate="print">
          <a:lum/>
        </a:blip>
        <a:srcRect/>
        <a:stretch>
          <a:fillRect/>
        </a:stretch>
      </xdr:blipFill>
      <xdr:spPr>
        <a:xfrm>
          <a:off x="2700110" y="34823400"/>
          <a:ext cx="1485899" cy="459104"/>
        </a:xfrm>
        <a:prstGeom prst="rect">
          <a:avLst/>
        </a:prstGeom>
        <a:noFill/>
        <a:ln w="9525">
          <a:noFill/>
          <a:miter/>
        </a:ln>
      </xdr:spPr>
    </xdr:pic>
    <xdr:clientData/>
  </xdr:twoCellAnchor>
  <xdr:twoCellAnchor>
    <xdr:from>
      <xdr:col>2</xdr:col>
      <xdr:colOff>382326</xdr:colOff>
      <xdr:row>68</xdr:row>
      <xdr:rowOff>202326</xdr:rowOff>
    </xdr:from>
    <xdr:to>
      <xdr:col>2</xdr:col>
      <xdr:colOff>1385455</xdr:colOff>
      <xdr:row>68</xdr:row>
      <xdr:rowOff>580249</xdr:rowOff>
    </xdr:to>
    <xdr:pic>
      <xdr:nvPicPr>
        <xdr:cNvPr id="25" name="图片 24"/>
        <xdr:cNvPicPr>
          <a:picLocks noChangeAspect="1"/>
        </xdr:cNvPicPr>
      </xdr:nvPicPr>
      <xdr:blipFill>
        <a:blip xmlns:r="http://schemas.openxmlformats.org/officeDocument/2006/relationships" r:embed="rId16" cstate="print"/>
        <a:stretch>
          <a:fillRect/>
        </a:stretch>
      </xdr:blipFill>
      <xdr:spPr>
        <a:xfrm>
          <a:off x="2959271" y="35475999"/>
          <a:ext cx="1003129" cy="377923"/>
        </a:xfrm>
        <a:prstGeom prst="rect">
          <a:avLst/>
        </a:prstGeom>
      </xdr:spPr>
    </xdr:pic>
    <xdr:clientData/>
  </xdr:twoCellAnchor>
  <xdr:twoCellAnchor>
    <xdr:from>
      <xdr:col>2</xdr:col>
      <xdr:colOff>151533</xdr:colOff>
      <xdr:row>53</xdr:row>
      <xdr:rowOff>31747</xdr:rowOff>
    </xdr:from>
    <xdr:to>
      <xdr:col>2</xdr:col>
      <xdr:colOff>1784753</xdr:colOff>
      <xdr:row>53</xdr:row>
      <xdr:rowOff>548002</xdr:rowOff>
    </xdr:to>
    <xdr:pic>
      <xdr:nvPicPr>
        <xdr:cNvPr id="26" name="图片 25" descr="http://sgcdn.uniview.com/res/201901/22/20190122_1707131_1_837950_140445_0.jpg"/>
        <xdr:cNvPicPr>
          <a:picLocks noChangeAspect="1" noChangeArrowheads="1"/>
        </xdr:cNvPicPr>
      </xdr:nvPicPr>
      <xdr:blipFill>
        <a:blip xmlns:r="http://schemas.openxmlformats.org/officeDocument/2006/relationships" r:embed="rId17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  <a:extLst>
            <a:ext uri="{28A0092B-C50C-407E-A947-70E740481C1C}">
              <a14:useLocalDpi xmlns:a14="http://schemas.microsoft.com/office/drawing/2010/main" val="0"/>
            </a:ext>
          </a:extLst>
        </a:blip>
        <a:srcRect l="1" t="28262" r="-849" b="32319"/>
        <a:stretch>
          <a:fillRect/>
        </a:stretch>
      </xdr:blipFill>
      <xdr:spPr>
        <a:xfrm>
          <a:off x="3009033" y="33051747"/>
          <a:ext cx="1633220" cy="51625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136755</xdr:colOff>
      <xdr:row>55</xdr:row>
      <xdr:rowOff>562491</xdr:rowOff>
    </xdr:from>
    <xdr:to>
      <xdr:col>2</xdr:col>
      <xdr:colOff>1612495</xdr:colOff>
      <xdr:row>56</xdr:row>
      <xdr:rowOff>345956</xdr:rowOff>
    </xdr:to>
    <xdr:pic>
      <xdr:nvPicPr>
        <xdr:cNvPr id="27" name="图片 26"/>
        <xdr:cNvPicPr>
          <a:picLocks noChangeAspect="1"/>
        </xdr:cNvPicPr>
      </xdr:nvPicPr>
      <xdr:blipFill>
        <a:blip xmlns:r="http://schemas.openxmlformats.org/officeDocument/2006/relationships" r:embed="rId18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11348" t="44783" r="13197" b="24069"/>
        <a:stretch>
          <a:fillRect/>
        </a:stretch>
      </xdr:blipFill>
      <xdr:spPr>
        <a:xfrm>
          <a:off x="2994255" y="34679309"/>
          <a:ext cx="1475740" cy="418465"/>
        </a:xfrm>
        <a:prstGeom prst="rect">
          <a:avLst/>
        </a:prstGeom>
        <a:noFill/>
        <a:ln>
          <a:noFill/>
        </a:ln>
      </xdr:spPr>
    </xdr:pic>
    <xdr:clientData/>
  </xdr:twoCellAnchor>
  <xdr:oneCellAnchor>
    <xdr:from>
      <xdr:col>2</xdr:col>
      <xdr:colOff>511175</xdr:colOff>
      <xdr:row>8</xdr:row>
      <xdr:rowOff>609600</xdr:rowOff>
    </xdr:from>
    <xdr:ext cx="701675" cy="660400"/>
    <xdr:pic>
      <xdr:nvPicPr>
        <xdr:cNvPr id="29" name="图片 28" descr="C:\Users\f05799\AppData\Local\Temp\notesE97E9E\~4100263.png"/>
        <xdr:cNvPicPr/>
      </xdr:nvPicPr>
      <xdr:blipFill>
        <a:blip xmlns:r="http://schemas.openxmlformats.org/officeDocument/2006/relationships" r:embed="rId19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2158" t="26295" r="32135" b="21127"/>
        <a:stretch>
          <a:fillRect/>
        </a:stretch>
      </xdr:blipFill>
      <xdr:spPr>
        <a:xfrm>
          <a:off x="3127375" y="5264150"/>
          <a:ext cx="701675" cy="660400"/>
        </a:xfrm>
        <a:prstGeom prst="rect">
          <a:avLst/>
        </a:prstGeom>
        <a:noFill/>
        <a:ln>
          <a:noFill/>
        </a:ln>
      </xdr:spPr>
    </xdr:pic>
    <xdr:clientData/>
  </xdr:oneCellAnchor>
  <xdr:twoCellAnchor>
    <xdr:from>
      <xdr:col>2</xdr:col>
      <xdr:colOff>149225</xdr:colOff>
      <xdr:row>35</xdr:row>
      <xdr:rowOff>177800</xdr:rowOff>
    </xdr:from>
    <xdr:to>
      <xdr:col>2</xdr:col>
      <xdr:colOff>1724660</xdr:colOff>
      <xdr:row>35</xdr:row>
      <xdr:rowOff>585470</xdr:rowOff>
    </xdr:to>
    <xdr:pic>
      <xdr:nvPicPr>
        <xdr:cNvPr id="28" name="图片 27" descr="UVTC0235C4USXR-F"/>
        <xdr:cNvPicPr>
          <a:picLocks noChangeAspect="1"/>
        </xdr:cNvPicPr>
      </xdr:nvPicPr>
      <xdr:blipFill>
        <a:blip xmlns:r="http://schemas.openxmlformats.org/officeDocument/2006/relationships" r:embed="rId20"/>
        <a:srcRect l="7844" t="35296" r="10549" b="32148"/>
        <a:stretch>
          <a:fillRect/>
        </a:stretch>
      </xdr:blipFill>
      <xdr:spPr>
        <a:xfrm>
          <a:off x="2765425" y="23641050"/>
          <a:ext cx="1575435" cy="407670"/>
        </a:xfrm>
        <a:prstGeom prst="rect">
          <a:avLst/>
        </a:prstGeom>
      </xdr:spPr>
    </xdr:pic>
    <xdr:clientData/>
  </xdr:twoCellAnchor>
  <xdr:twoCellAnchor>
    <xdr:from>
      <xdr:col>2</xdr:col>
      <xdr:colOff>252641</xdr:colOff>
      <xdr:row>32</xdr:row>
      <xdr:rowOff>219482</xdr:rowOff>
    </xdr:from>
    <xdr:to>
      <xdr:col>2</xdr:col>
      <xdr:colOff>1619250</xdr:colOff>
      <xdr:row>33</xdr:row>
      <xdr:rowOff>331107</xdr:rowOff>
    </xdr:to>
    <xdr:pic>
      <xdr:nvPicPr>
        <xdr:cNvPr id="30" name="图片 19" descr="C:\Users\s01501\AppData\Roaming\Foxmail7\Temp-5900-20190228084323\fox(03-01-10-42-19)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3110141" y="26476732"/>
          <a:ext cx="1366609" cy="746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416832</xdr:colOff>
      <xdr:row>30</xdr:row>
      <xdr:rowOff>341085</xdr:rowOff>
    </xdr:from>
    <xdr:to>
      <xdr:col>2</xdr:col>
      <xdr:colOff>1504752</xdr:colOff>
      <xdr:row>31</xdr:row>
      <xdr:rowOff>428625</xdr:rowOff>
    </xdr:to>
    <xdr:pic>
      <xdr:nvPicPr>
        <xdr:cNvPr id="31" name="图片 18" descr="C:\Users\s01501\AppData\Roaming\Foxmail7\Temp-5900-20190228084323\fox(03-01-10-42-19).gif"/>
        <xdr:cNvPicPr>
          <a:picLocks noChangeAspect="1" noChangeArrowheads="1"/>
        </xdr:cNvPicPr>
      </xdr:nvPicPr>
      <xdr:blipFill>
        <a:blip xmlns:r="http://schemas.openxmlformats.org/officeDocument/2006/relationships" r:embed="rId2"/>
        <a:srcRect/>
        <a:stretch>
          <a:fillRect/>
        </a:stretch>
      </xdr:blipFill>
      <xdr:spPr bwMode="auto">
        <a:xfrm>
          <a:off x="3274332" y="25328335"/>
          <a:ext cx="1087920" cy="72254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90050</xdr:colOff>
      <xdr:row>27</xdr:row>
      <xdr:rowOff>595085</xdr:rowOff>
    </xdr:from>
    <xdr:to>
      <xdr:col>2</xdr:col>
      <xdr:colOff>1714500</xdr:colOff>
      <xdr:row>28</xdr:row>
      <xdr:rowOff>625022</xdr:rowOff>
    </xdr:to>
    <xdr:pic>
      <xdr:nvPicPr>
        <xdr:cNvPr id="32" name="图片 21" descr="C:\Users\s01501\AppData\Roaming\Foxmail7\Temp-5900-20190228084323\fox(03-01-10-42-19)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3047550" y="23677335"/>
          <a:ext cx="1524450" cy="66493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95916</xdr:colOff>
      <xdr:row>7</xdr:row>
      <xdr:rowOff>489696</xdr:rowOff>
    </xdr:from>
    <xdr:to>
      <xdr:col>2</xdr:col>
      <xdr:colOff>1556351</xdr:colOff>
      <xdr:row>8</xdr:row>
      <xdr:rowOff>253999</xdr:rowOff>
    </xdr:to>
    <xdr:pic>
      <xdr:nvPicPr>
        <xdr:cNvPr id="4489" name="图片 1"/>
        <xdr:cNvPicPr>
          <a:picLocks noChangeAspect="1"/>
        </xdr:cNvPicPr>
      </xdr:nvPicPr>
      <xdr:blipFill>
        <a:blip xmlns:r="http://schemas.openxmlformats.org/officeDocument/2006/relationships" r:embed="rId1" cstate="print"/>
        <a:srcRect l="16930" t="30495" r="19109" b="37814"/>
        <a:stretch>
          <a:fillRect/>
        </a:stretch>
      </xdr:blipFill>
      <xdr:spPr bwMode="auto">
        <a:xfrm>
          <a:off x="2593041" y="4299696"/>
          <a:ext cx="1360435" cy="399303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78736</xdr:colOff>
      <xdr:row>9</xdr:row>
      <xdr:rowOff>149920</xdr:rowOff>
    </xdr:from>
    <xdr:to>
      <xdr:col>2</xdr:col>
      <xdr:colOff>1531100</xdr:colOff>
      <xdr:row>9</xdr:row>
      <xdr:rowOff>571500</xdr:rowOff>
    </xdr:to>
    <xdr:pic>
      <xdr:nvPicPr>
        <xdr:cNvPr id="4490" name="图片 2"/>
        <xdr:cNvPicPr>
          <a:picLocks noChangeAspect="1"/>
        </xdr:cNvPicPr>
      </xdr:nvPicPr>
      <xdr:blipFill>
        <a:blip xmlns:r="http://schemas.openxmlformats.org/officeDocument/2006/relationships" r:embed="rId2" cstate="print"/>
        <a:srcRect l="16930" t="30495" r="19109" b="37814"/>
        <a:stretch>
          <a:fillRect/>
        </a:stretch>
      </xdr:blipFill>
      <xdr:spPr bwMode="auto">
        <a:xfrm>
          <a:off x="2575861" y="5229920"/>
          <a:ext cx="1352364" cy="42158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75737</xdr:colOff>
      <xdr:row>5</xdr:row>
      <xdr:rowOff>159866</xdr:rowOff>
    </xdr:from>
    <xdr:to>
      <xdr:col>2</xdr:col>
      <xdr:colOff>1536172</xdr:colOff>
      <xdr:row>5</xdr:row>
      <xdr:rowOff>603250</xdr:rowOff>
    </xdr:to>
    <xdr:pic>
      <xdr:nvPicPr>
        <xdr:cNvPr id="11" name="图片 1"/>
        <xdr:cNvPicPr>
          <a:picLocks noChangeAspect="1"/>
        </xdr:cNvPicPr>
      </xdr:nvPicPr>
      <xdr:blipFill>
        <a:blip xmlns:r="http://schemas.openxmlformats.org/officeDocument/2006/relationships" r:embed="rId1" cstate="print"/>
        <a:srcRect l="16930" t="30495" r="19109" b="37814"/>
        <a:stretch>
          <a:fillRect/>
        </a:stretch>
      </xdr:blipFill>
      <xdr:spPr bwMode="auto">
        <a:xfrm>
          <a:off x="2572862" y="1429866"/>
          <a:ext cx="1360435" cy="4433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230335</xdr:colOff>
      <xdr:row>1</xdr:row>
      <xdr:rowOff>772886</xdr:rowOff>
    </xdr:from>
    <xdr:to>
      <xdr:col>3</xdr:col>
      <xdr:colOff>66675</xdr:colOff>
      <xdr:row>2</xdr:row>
      <xdr:rowOff>729343</xdr:rowOff>
    </xdr:to>
    <xdr:pic>
      <xdr:nvPicPr>
        <xdr:cNvPr id="8" name="图片 7"/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079421" y="5290457"/>
          <a:ext cx="1615168" cy="968828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213881</xdr:colOff>
      <xdr:row>5</xdr:row>
      <xdr:rowOff>330490</xdr:rowOff>
    </xdr:from>
    <xdr:to>
      <xdr:col>2</xdr:col>
      <xdr:colOff>1328306</xdr:colOff>
      <xdr:row>6</xdr:row>
      <xdr:rowOff>518515</xdr:rowOff>
    </xdr:to>
    <xdr:pic>
      <xdr:nvPicPr>
        <xdr:cNvPr id="7" name="图片 6"/>
        <xdr:cNvPicPr>
          <a:picLocks noChangeAspect="1"/>
        </xdr:cNvPicPr>
      </xdr:nvPicPr>
      <xdr:blipFill>
        <a:blip xmlns:r="http://schemas.openxmlformats.org/officeDocument/2006/relationships" r:embed="rId2"/>
        <a:srcRect l="11467" t="2744" r="13763" b="2499"/>
        <a:stretch>
          <a:fillRect/>
        </a:stretch>
      </xdr:blipFill>
      <xdr:spPr bwMode="auto">
        <a:xfrm>
          <a:off x="5103381" y="14554490"/>
          <a:ext cx="1114425" cy="1204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3436504</xdr:colOff>
      <xdr:row>6</xdr:row>
      <xdr:rowOff>894234</xdr:rowOff>
    </xdr:from>
    <xdr:to>
      <xdr:col>3</xdr:col>
      <xdr:colOff>79375</xdr:colOff>
      <xdr:row>8</xdr:row>
      <xdr:rowOff>142876</xdr:rowOff>
    </xdr:to>
    <xdr:pic>
      <xdr:nvPicPr>
        <xdr:cNvPr id="9" name="图片 8"/>
        <xdr:cNvPicPr>
          <a:picLocks noChangeAspect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706504" y="16134234"/>
          <a:ext cx="1945121" cy="128064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3543588</xdr:colOff>
      <xdr:row>3</xdr:row>
      <xdr:rowOff>267278</xdr:rowOff>
    </xdr:from>
    <xdr:to>
      <xdr:col>3</xdr:col>
      <xdr:colOff>119840</xdr:colOff>
      <xdr:row>4</xdr:row>
      <xdr:rowOff>395433</xdr:rowOff>
    </xdr:to>
    <xdr:pic>
      <xdr:nvPicPr>
        <xdr:cNvPr id="10" name="图片 6"/>
        <xdr:cNvPicPr>
          <a:picLocks noChangeAspect="1"/>
        </xdr:cNvPicPr>
      </xdr:nvPicPr>
      <xdr:blipFill>
        <a:blip xmlns:r="http://schemas.openxmlformats.org/officeDocument/2006/relationships" r:embed="rId4"/>
        <a:srcRect/>
        <a:stretch>
          <a:fillRect/>
        </a:stretch>
      </xdr:blipFill>
      <xdr:spPr bwMode="auto">
        <a:xfrm>
          <a:off x="4813588" y="8347653"/>
          <a:ext cx="1878502" cy="87428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</xdr:col>
      <xdr:colOff>190501</xdr:colOff>
      <xdr:row>8</xdr:row>
      <xdr:rowOff>158750</xdr:rowOff>
    </xdr:from>
    <xdr:to>
      <xdr:col>2</xdr:col>
      <xdr:colOff>1619251</xdr:colOff>
      <xdr:row>8</xdr:row>
      <xdr:rowOff>825500</xdr:rowOff>
    </xdr:to>
    <xdr:grpSp>
      <xdr:nvGrpSpPr>
        <xdr:cNvPr id="11" name="组合 10"/>
        <xdr:cNvGrpSpPr/>
      </xdr:nvGrpSpPr>
      <xdr:grpSpPr>
        <a:xfrm>
          <a:off x="4971144" y="8286750"/>
          <a:ext cx="1346200" cy="666750"/>
          <a:chOff x="-171" y="4690"/>
          <a:chExt cx="4882" cy="2576"/>
        </a:xfrm>
      </xdr:grpSpPr>
      <xdr:pic>
        <xdr:nvPicPr>
          <xdr:cNvPr id="12" name="图片 11"/>
          <xdr:cNvPicPr>
            <a:picLocks noChangeAspect="1"/>
          </xdr:cNvPicPr>
        </xdr:nvPicPr>
        <xdr:blipFill>
          <a:blip xmlns:r="http://schemas.openxmlformats.org/officeDocument/2006/relationships"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090"/>
          <a:stretch>
            <a:fillRect/>
          </a:stretch>
        </xdr:blipFill>
        <xdr:spPr>
          <a:xfrm>
            <a:off x="-171" y="5426"/>
            <a:ext cx="4883" cy="1840"/>
          </a:xfrm>
          <a:prstGeom prst="rect">
            <a:avLst/>
          </a:prstGeom>
        </xdr:spPr>
      </xdr:pic>
      <xdr:pic>
        <xdr:nvPicPr>
          <xdr:cNvPr id="13" name="图片 12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493" y="4690"/>
            <a:ext cx="1320" cy="972"/>
          </a:xfrm>
          <a:prstGeom prst="rect">
            <a:avLst/>
          </a:prstGeom>
        </xdr:spPr>
      </xdr:pic>
      <xdr:pic>
        <xdr:nvPicPr>
          <xdr:cNvPr id="14" name="图片 13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1286" y="4690"/>
            <a:ext cx="1320" cy="972"/>
          </a:xfrm>
          <a:prstGeom prst="rect">
            <a:avLst/>
          </a:prstGeom>
        </xdr:spPr>
      </xdr:pic>
      <xdr:pic>
        <xdr:nvPicPr>
          <xdr:cNvPr id="15" name="图片 14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2103" y="4690"/>
            <a:ext cx="1320" cy="972"/>
          </a:xfrm>
          <a:prstGeom prst="rect">
            <a:avLst/>
          </a:prstGeom>
        </xdr:spPr>
      </xdr:pic>
      <xdr:pic>
        <xdr:nvPicPr>
          <xdr:cNvPr id="16" name="图片 15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2872" y="4690"/>
            <a:ext cx="1320" cy="972"/>
          </a:xfrm>
          <a:prstGeom prst="rect">
            <a:avLst/>
          </a:prstGeom>
        </xdr:spPr>
      </xdr:pic>
    </xdr:grpSp>
    <xdr:clientData/>
  </xdr:twoCellAnchor>
  <xdr:twoCellAnchor>
    <xdr:from>
      <xdr:col>2</xdr:col>
      <xdr:colOff>142876</xdr:colOff>
      <xdr:row>9</xdr:row>
      <xdr:rowOff>111125</xdr:rowOff>
    </xdr:from>
    <xdr:to>
      <xdr:col>3</xdr:col>
      <xdr:colOff>1271</xdr:colOff>
      <xdr:row>9</xdr:row>
      <xdr:rowOff>915035</xdr:rowOff>
    </xdr:to>
    <xdr:grpSp>
      <xdr:nvGrpSpPr>
        <xdr:cNvPr id="17" name="组合 16"/>
        <xdr:cNvGrpSpPr/>
      </xdr:nvGrpSpPr>
      <xdr:grpSpPr>
        <a:xfrm>
          <a:off x="4923519" y="9255125"/>
          <a:ext cx="1391466" cy="803910"/>
          <a:chOff x="-171" y="4690"/>
          <a:chExt cx="4882" cy="2576"/>
        </a:xfrm>
      </xdr:grpSpPr>
      <xdr:pic>
        <xdr:nvPicPr>
          <xdr:cNvPr id="18" name="图片 17"/>
          <xdr:cNvPicPr>
            <a:picLocks noChangeAspect="1"/>
          </xdr:cNvPicPr>
        </xdr:nvPicPr>
        <xdr:blipFill>
          <a:blip xmlns:r="http://schemas.openxmlformats.org/officeDocument/2006/relationships"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090"/>
          <a:stretch>
            <a:fillRect/>
          </a:stretch>
        </xdr:blipFill>
        <xdr:spPr>
          <a:xfrm>
            <a:off x="-171" y="5426"/>
            <a:ext cx="4883" cy="1840"/>
          </a:xfrm>
          <a:prstGeom prst="rect">
            <a:avLst/>
          </a:prstGeom>
        </xdr:spPr>
      </xdr:pic>
      <xdr:pic>
        <xdr:nvPicPr>
          <xdr:cNvPr id="19" name="图片 18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493" y="4690"/>
            <a:ext cx="1320" cy="972"/>
          </a:xfrm>
          <a:prstGeom prst="rect">
            <a:avLst/>
          </a:prstGeom>
        </xdr:spPr>
      </xdr:pic>
      <xdr:pic>
        <xdr:nvPicPr>
          <xdr:cNvPr id="20" name="图片 19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1286" y="4690"/>
            <a:ext cx="1320" cy="972"/>
          </a:xfrm>
          <a:prstGeom prst="rect">
            <a:avLst/>
          </a:prstGeom>
        </xdr:spPr>
      </xdr:pic>
      <xdr:pic>
        <xdr:nvPicPr>
          <xdr:cNvPr id="21" name="图片 20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2103" y="4690"/>
            <a:ext cx="1320" cy="972"/>
          </a:xfrm>
          <a:prstGeom prst="rect">
            <a:avLst/>
          </a:prstGeom>
        </xdr:spPr>
      </xdr:pic>
      <xdr:pic>
        <xdr:nvPicPr>
          <xdr:cNvPr id="22" name="图片 21" descr="0235C60A-FR"/>
          <xdr:cNvPicPr>
            <a:picLocks noChangeAspect="1"/>
          </xdr:cNvPicPr>
        </xdr:nvPicPr>
        <xdr:blipFill>
          <a:blip xmlns:r="http://schemas.openxmlformats.org/officeDocument/2006/relationships" r:embed="rId6"/>
          <a:srcRect l="21613" t="15061" r="10134" b="18996"/>
          <a:stretch>
            <a:fillRect/>
          </a:stretch>
        </xdr:blipFill>
        <xdr:spPr>
          <a:xfrm>
            <a:off x="2872" y="4690"/>
            <a:ext cx="1320" cy="972"/>
          </a:xfrm>
          <a:prstGeom prst="rect">
            <a:avLst/>
          </a:prstGeom>
        </xdr:spPr>
      </xdr:pic>
    </xdr:grpSp>
    <xdr:clientData/>
  </xdr:twoCellAnchor>
  <xdr:twoCellAnchor>
    <xdr:from>
      <xdr:col>2</xdr:col>
      <xdr:colOff>0</xdr:colOff>
      <xdr:row>10</xdr:row>
      <xdr:rowOff>0</xdr:rowOff>
    </xdr:from>
    <xdr:to>
      <xdr:col>2</xdr:col>
      <xdr:colOff>1635125</xdr:colOff>
      <xdr:row>10</xdr:row>
      <xdr:rowOff>809625</xdr:rowOff>
    </xdr:to>
    <xdr:grpSp>
      <xdr:nvGrpSpPr>
        <xdr:cNvPr id="23" name="组合 22"/>
        <xdr:cNvGrpSpPr/>
      </xdr:nvGrpSpPr>
      <xdr:grpSpPr>
        <a:xfrm>
          <a:off x="4780643" y="10160000"/>
          <a:ext cx="1533525" cy="809625"/>
          <a:chOff x="4299" y="4879"/>
          <a:chExt cx="4883" cy="2387"/>
        </a:xfrm>
      </xdr:grpSpPr>
      <xdr:pic>
        <xdr:nvPicPr>
          <xdr:cNvPr id="24" name="图片 23"/>
          <xdr:cNvPicPr>
            <a:picLocks noChangeAspect="1"/>
          </xdr:cNvPicPr>
        </xdr:nvPicPr>
        <xdr:blipFill>
          <a:blip xmlns:r="http://schemas.openxmlformats.org/officeDocument/2006/relationships"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090"/>
          <a:stretch>
            <a:fillRect/>
          </a:stretch>
        </xdr:blipFill>
        <xdr:spPr>
          <a:xfrm>
            <a:off x="4299" y="5426"/>
            <a:ext cx="4883" cy="1840"/>
          </a:xfrm>
          <a:prstGeom prst="rect">
            <a:avLst/>
          </a:prstGeom>
        </xdr:spPr>
      </xdr:pic>
      <xdr:pic>
        <xdr:nvPicPr>
          <xdr:cNvPr id="25" name="图片 24" descr="0235C5KY-F"/>
          <xdr:cNvPicPr>
            <a:picLocks noChangeAspect="1"/>
          </xdr:cNvPicPr>
        </xdr:nvPicPr>
        <xdr:blipFill>
          <a:blip xmlns:r="http://schemas.openxmlformats.org/officeDocument/2006/relationships" r:embed="rId9"/>
          <a:srcRect l="17272" t="8411" r="24888" b="31120"/>
          <a:stretch>
            <a:fillRect/>
          </a:stretch>
        </xdr:blipFill>
        <xdr:spPr>
          <a:xfrm>
            <a:off x="5201" y="4879"/>
            <a:ext cx="977" cy="783"/>
          </a:xfrm>
          <a:prstGeom prst="rect">
            <a:avLst/>
          </a:prstGeom>
        </xdr:spPr>
      </xdr:pic>
      <xdr:pic>
        <xdr:nvPicPr>
          <xdr:cNvPr id="26" name="图片 25" descr="0235C5KY-F"/>
          <xdr:cNvPicPr>
            <a:picLocks noChangeAspect="1"/>
          </xdr:cNvPicPr>
        </xdr:nvPicPr>
        <xdr:blipFill>
          <a:blip xmlns:r="http://schemas.openxmlformats.org/officeDocument/2006/relationships" r:embed="rId9"/>
          <a:srcRect l="17272" t="8411" r="24888" b="31120"/>
          <a:stretch>
            <a:fillRect/>
          </a:stretch>
        </xdr:blipFill>
        <xdr:spPr>
          <a:xfrm>
            <a:off x="5961" y="4879"/>
            <a:ext cx="977" cy="783"/>
          </a:xfrm>
          <a:prstGeom prst="rect">
            <a:avLst/>
          </a:prstGeom>
        </xdr:spPr>
      </xdr:pic>
      <xdr:pic>
        <xdr:nvPicPr>
          <xdr:cNvPr id="27" name="图片 26" descr="0235C5KY-F"/>
          <xdr:cNvPicPr>
            <a:picLocks noChangeAspect="1"/>
          </xdr:cNvPicPr>
        </xdr:nvPicPr>
        <xdr:blipFill>
          <a:blip xmlns:r="http://schemas.openxmlformats.org/officeDocument/2006/relationships" r:embed="rId9"/>
          <a:srcRect l="17272" t="8411" r="24888" b="31120"/>
          <a:stretch>
            <a:fillRect/>
          </a:stretch>
        </xdr:blipFill>
        <xdr:spPr>
          <a:xfrm>
            <a:off x="6705" y="4879"/>
            <a:ext cx="977" cy="783"/>
          </a:xfrm>
          <a:prstGeom prst="rect">
            <a:avLst/>
          </a:prstGeom>
        </xdr:spPr>
      </xdr:pic>
      <xdr:pic>
        <xdr:nvPicPr>
          <xdr:cNvPr id="28" name="图片 27" descr="0235C5KY-F"/>
          <xdr:cNvPicPr>
            <a:picLocks noChangeAspect="1"/>
          </xdr:cNvPicPr>
        </xdr:nvPicPr>
        <xdr:blipFill>
          <a:blip xmlns:r="http://schemas.openxmlformats.org/officeDocument/2006/relationships" r:embed="rId9"/>
          <a:srcRect l="17272" t="8411" r="24888" b="31120"/>
          <a:stretch>
            <a:fillRect/>
          </a:stretch>
        </xdr:blipFill>
        <xdr:spPr>
          <a:xfrm>
            <a:off x="7511" y="4879"/>
            <a:ext cx="977" cy="783"/>
          </a:xfrm>
          <a:prstGeom prst="rect">
            <a:avLst/>
          </a:prstGeom>
        </xdr:spPr>
      </xdr:pic>
    </xdr:grp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431800</xdr:colOff>
      <xdr:row>14</xdr:row>
      <xdr:rowOff>269875</xdr:rowOff>
    </xdr:from>
    <xdr:ext cx="2203450" cy="1428155"/>
    <xdr:pic>
      <xdr:nvPicPr>
        <xdr:cNvPr id="2" name="图片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781550" y="9159875"/>
          <a:ext cx="2203450" cy="1428155"/>
        </a:xfrm>
        <a:prstGeom prst="rect">
          <a:avLst/>
        </a:prstGeom>
      </xdr:spPr>
    </xdr:pic>
    <xdr:clientData/>
  </xdr:oneCellAnchor>
</xdr:wsDr>
</file>

<file path=xl/drawings/drawing7.xml><?xml version="1.0" encoding="utf-8"?>
<xdr:wsDr xmlns:xdr="http://schemas.openxmlformats.org/drawingml/2006/spreadsheetDrawing" xmlns:a="http://schemas.openxmlformats.org/drawingml/2006/main">
  <xdr:oneCellAnchor>
    <xdr:from>
      <xdr:col>1</xdr:col>
      <xdr:colOff>0</xdr:colOff>
      <xdr:row>0</xdr:row>
      <xdr:rowOff>0</xdr:rowOff>
    </xdr:from>
    <xdr:ext cx="9525" cy="9525"/>
    <xdr:pic>
      <xdr:nvPicPr>
        <xdr:cNvPr id="13" name="图片 12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7</xdr:col>
      <xdr:colOff>0</xdr:colOff>
      <xdr:row>0</xdr:row>
      <xdr:rowOff>0</xdr:rowOff>
    </xdr:from>
    <xdr:ext cx="9525" cy="9525"/>
    <xdr:pic>
      <xdr:nvPicPr>
        <xdr:cNvPr id="14" name="图片 13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9115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15" name="图片 14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16" name="图片 15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17" name="图片 16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7</xdr:col>
      <xdr:colOff>0</xdr:colOff>
      <xdr:row>0</xdr:row>
      <xdr:rowOff>0</xdr:rowOff>
    </xdr:from>
    <xdr:ext cx="9525" cy="9525"/>
    <xdr:pic>
      <xdr:nvPicPr>
        <xdr:cNvPr id="18" name="图片 17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9115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19" name="图片 18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20" name="图片 19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1</xdr:col>
      <xdr:colOff>0</xdr:colOff>
      <xdr:row>0</xdr:row>
      <xdr:rowOff>0</xdr:rowOff>
    </xdr:from>
    <xdr:ext cx="9525" cy="9525"/>
    <xdr:pic>
      <xdr:nvPicPr>
        <xdr:cNvPr id="21" name="图片 20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2" name="图片 21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8</xdr:col>
      <xdr:colOff>0</xdr:colOff>
      <xdr:row>0</xdr:row>
      <xdr:rowOff>0</xdr:rowOff>
    </xdr:from>
    <xdr:ext cx="9525" cy="9525"/>
    <xdr:pic>
      <xdr:nvPicPr>
        <xdr:cNvPr id="23" name="图片 22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9115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4" name="图片 23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5" name="图片 24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6" name="图片 25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8</xdr:col>
      <xdr:colOff>0</xdr:colOff>
      <xdr:row>0</xdr:row>
      <xdr:rowOff>0</xdr:rowOff>
    </xdr:from>
    <xdr:ext cx="9525" cy="9525"/>
    <xdr:pic>
      <xdr:nvPicPr>
        <xdr:cNvPr id="27" name="图片 26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9115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8" name="图片 27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29" name="图片 28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oneCellAnchor>
    <xdr:from>
      <xdr:col>3</xdr:col>
      <xdr:colOff>0</xdr:colOff>
      <xdr:row>0</xdr:row>
      <xdr:rowOff>0</xdr:rowOff>
    </xdr:from>
    <xdr:ext cx="9525" cy="9525"/>
    <xdr:pic>
      <xdr:nvPicPr>
        <xdr:cNvPr id="30" name="图片 29" descr="C:\Users\lw7435\AppData\Roaming\Foxmail7\Temp-5892-20190527081204\Attach\ecblank(05-27-08-19-56).gif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257425" y="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oneCellAnchor>
  <xdr:twoCellAnchor>
    <xdr:from>
      <xdr:col>2</xdr:col>
      <xdr:colOff>56030</xdr:colOff>
      <xdr:row>4</xdr:row>
      <xdr:rowOff>112059</xdr:rowOff>
    </xdr:from>
    <xdr:to>
      <xdr:col>2</xdr:col>
      <xdr:colOff>2073088</xdr:colOff>
      <xdr:row>4</xdr:row>
      <xdr:rowOff>480417</xdr:rowOff>
    </xdr:to>
    <xdr:pic>
      <xdr:nvPicPr>
        <xdr:cNvPr id="67" name="图片 66" descr="image005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502089" y="2868706"/>
          <a:ext cx="2017058" cy="36835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224118</xdr:colOff>
      <xdr:row>3</xdr:row>
      <xdr:rowOff>190500</xdr:rowOff>
    </xdr:from>
    <xdr:to>
      <xdr:col>2</xdr:col>
      <xdr:colOff>1982395</xdr:colOff>
      <xdr:row>3</xdr:row>
      <xdr:rowOff>504264</xdr:rowOff>
    </xdr:to>
    <xdr:pic>
      <xdr:nvPicPr>
        <xdr:cNvPr id="68" name="图片 67" descr="image004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670177" y="2297206"/>
          <a:ext cx="1758277" cy="31376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358588</xdr:colOff>
      <xdr:row>2</xdr:row>
      <xdr:rowOff>257737</xdr:rowOff>
    </xdr:from>
    <xdr:to>
      <xdr:col>2</xdr:col>
      <xdr:colOff>1703295</xdr:colOff>
      <xdr:row>2</xdr:row>
      <xdr:rowOff>552181</xdr:rowOff>
    </xdr:to>
    <xdr:pic>
      <xdr:nvPicPr>
        <xdr:cNvPr id="69" name="图片 68" descr="image003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804647" y="1613649"/>
          <a:ext cx="1344707" cy="29444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470648</xdr:colOff>
      <xdr:row>1</xdr:row>
      <xdr:rowOff>212912</xdr:rowOff>
    </xdr:from>
    <xdr:to>
      <xdr:col>2</xdr:col>
      <xdr:colOff>1527422</xdr:colOff>
      <xdr:row>1</xdr:row>
      <xdr:rowOff>481854</xdr:rowOff>
    </xdr:to>
    <xdr:pic>
      <xdr:nvPicPr>
        <xdr:cNvPr id="70" name="图片 69" descr="image002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916707" y="896471"/>
          <a:ext cx="1056774" cy="26894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219076</xdr:colOff>
      <xdr:row>3</xdr:row>
      <xdr:rowOff>76202</xdr:rowOff>
    </xdr:from>
    <xdr:ext cx="257173" cy="504824"/>
    <xdr:pic>
      <xdr:nvPicPr>
        <xdr:cNvPr id="2" name="图片 1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2921" t="4474" r="38154" b="16267"/>
        <a:stretch>
          <a:fillRect/>
        </a:stretch>
      </xdr:blipFill>
      <xdr:spPr>
        <a:xfrm>
          <a:off x="2762251" y="1333502"/>
          <a:ext cx="257173" cy="504824"/>
        </a:xfrm>
        <a:prstGeom prst="rect">
          <a:avLst/>
        </a:prstGeom>
      </xdr:spPr>
    </xdr:pic>
    <xdr:clientData/>
  </xdr:oneCellAnchor>
  <xdr:oneCellAnchor>
    <xdr:from>
      <xdr:col>2</xdr:col>
      <xdr:colOff>254286</xdr:colOff>
      <xdr:row>4</xdr:row>
      <xdr:rowOff>38099</xdr:rowOff>
    </xdr:from>
    <xdr:ext cx="202914" cy="517575"/>
    <xdr:pic>
      <xdr:nvPicPr>
        <xdr:cNvPr id="3" name="图片 2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6843" t="14815" r="43350" b="14629"/>
        <a:stretch>
          <a:fillRect/>
        </a:stretch>
      </xdr:blipFill>
      <xdr:spPr>
        <a:xfrm>
          <a:off x="2797461" y="2466974"/>
          <a:ext cx="202914" cy="517575"/>
        </a:xfrm>
        <a:prstGeom prst="rect">
          <a:avLst/>
        </a:prstGeom>
      </xdr:spPr>
    </xdr:pic>
    <xdr:clientData/>
  </xdr:oneCellAnchor>
  <xdr:oneCellAnchor>
    <xdr:from>
      <xdr:col>2</xdr:col>
      <xdr:colOff>249267</xdr:colOff>
      <xdr:row>2</xdr:row>
      <xdr:rowOff>85724</xdr:rowOff>
    </xdr:from>
    <xdr:ext cx="206823" cy="400051"/>
    <xdr:pic>
      <xdr:nvPicPr>
        <xdr:cNvPr id="4" name="图片 3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 l="35415" t="9444" r="35278" b="14259"/>
        <a:stretch>
          <a:fillRect/>
        </a:stretch>
      </xdr:blipFill>
      <xdr:spPr>
        <a:xfrm rot="10800000" flipV="1">
          <a:off x="2792442" y="885824"/>
          <a:ext cx="206823" cy="400051"/>
        </a:xfrm>
        <a:prstGeom prst="rect">
          <a:avLst/>
        </a:prstGeom>
      </xdr:spPr>
    </xdr:pic>
    <xdr:clientData/>
  </xdr:oneCellAnchor>
  <xdr:twoCellAnchor>
    <xdr:from>
      <xdr:col>2</xdr:col>
      <xdr:colOff>57150</xdr:colOff>
      <xdr:row>7</xdr:row>
      <xdr:rowOff>0</xdr:rowOff>
    </xdr:from>
    <xdr:to>
      <xdr:col>2</xdr:col>
      <xdr:colOff>838200</xdr:colOff>
      <xdr:row>7</xdr:row>
      <xdr:rowOff>2414</xdr:rowOff>
    </xdr:to>
    <xdr:pic>
      <xdr:nvPicPr>
        <xdr:cNvPr id="5" name="图片 4" descr="FR"/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1428750" y="720742"/>
          <a:ext cx="628650" cy="13892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2</xdr:col>
      <xdr:colOff>0</xdr:colOff>
      <xdr:row>6</xdr:row>
      <xdr:rowOff>0</xdr:rowOff>
    </xdr:from>
    <xdr:to>
      <xdr:col>2</xdr:col>
      <xdr:colOff>9525</xdr:colOff>
      <xdr:row>6</xdr:row>
      <xdr:rowOff>9525</xdr:rowOff>
    </xdr:to>
    <xdr:pic>
      <xdr:nvPicPr>
        <xdr:cNvPr id="6" name="图片 5" descr="cid:3__=C7BB02C0DF9BBA978f9e8a93d@cn-uniview.com"/>
        <xdr:cNvPicPr>
          <a:picLocks noChangeAspect="1" noChangeArrowheads="1"/>
        </xdr:cNvPicPr>
      </xdr:nvPicPr>
      <xdr:blipFill>
        <a:blip xmlns:r="http://schemas.openxmlformats.org/officeDocument/2006/relationships" r:embed="rId5" r:link="rId6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371600" y="1714500"/>
          <a:ext cx="9525" cy="95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1</xdr:col>
      <xdr:colOff>1838325</xdr:colOff>
      <xdr:row>5</xdr:row>
      <xdr:rowOff>66675</xdr:rowOff>
    </xdr:from>
    <xdr:to>
      <xdr:col>3</xdr:col>
      <xdr:colOff>19050</xdr:colOff>
      <xdr:row>6</xdr:row>
      <xdr:rowOff>0</xdr:rowOff>
    </xdr:to>
    <xdr:pic>
      <xdr:nvPicPr>
        <xdr:cNvPr id="8" name="图片 7" descr="0235C5H4-F"/>
        <xdr:cNvPicPr>
          <a:picLocks noChangeAspect="1" noChangeArrowheads="1"/>
        </xdr:cNvPicPr>
      </xdr:nvPicPr>
      <xdr:blipFill>
        <a:blip xmlns:r="http://schemas.openxmlformats.org/officeDocument/2006/relationships" r:embed="rId7" r:link="rId8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524125" y="3038475"/>
          <a:ext cx="723900" cy="6000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19050</xdr:colOff>
      <xdr:row>6</xdr:row>
      <xdr:rowOff>28575</xdr:rowOff>
    </xdr:from>
    <xdr:to>
      <xdr:col>2</xdr:col>
      <xdr:colOff>647700</xdr:colOff>
      <xdr:row>7</xdr:row>
      <xdr:rowOff>0</xdr:rowOff>
    </xdr:to>
    <xdr:pic>
      <xdr:nvPicPr>
        <xdr:cNvPr id="12" name="图片 11" descr="新7寸-二维码效果3"/>
        <xdr:cNvPicPr>
          <a:picLocks noChangeAspect="1" noChangeArrowheads="1"/>
        </xdr:cNvPicPr>
      </xdr:nvPicPr>
      <xdr:blipFill>
        <a:blip xmlns:r="http://schemas.openxmlformats.org/officeDocument/2006/relationships" r:embed="rId9" r:link="rId10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562225" y="3695700"/>
          <a:ext cx="628650" cy="5715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57150</xdr:colOff>
      <xdr:row>7</xdr:row>
      <xdr:rowOff>34942</xdr:rowOff>
    </xdr:from>
    <xdr:to>
      <xdr:col>2</xdr:col>
      <xdr:colOff>838200</xdr:colOff>
      <xdr:row>8</xdr:row>
      <xdr:rowOff>2414</xdr:rowOff>
    </xdr:to>
    <xdr:pic>
      <xdr:nvPicPr>
        <xdr:cNvPr id="14" name="图片 13" descr="FR"/>
        <xdr:cNvPicPr>
          <a:picLocks noChangeAspect="1" noChangeArrowheads="1"/>
        </xdr:cNvPicPr>
      </xdr:nvPicPr>
      <xdr:blipFill>
        <a:blip xmlns:r="http://schemas.openxmlformats.org/officeDocument/2006/relationships" r:embed="rId1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>
        <a:xfrm>
          <a:off x="2600325" y="3949717"/>
          <a:ext cx="628650" cy="329422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02054</xdr:colOff>
      <xdr:row>1</xdr:row>
      <xdr:rowOff>102870</xdr:rowOff>
    </xdr:from>
    <xdr:to>
      <xdr:col>3</xdr:col>
      <xdr:colOff>4891705</xdr:colOff>
      <xdr:row>1</xdr:row>
      <xdr:rowOff>171450</xdr:rowOff>
    </xdr:to>
    <xdr:sp macro="" textlink="">
      <xdr:nvSpPr>
        <xdr:cNvPr id="2" name="TextBox 73"/>
        <xdr:cNvSpPr txBox="1"/>
      </xdr:nvSpPr>
      <xdr:spPr>
        <a:xfrm>
          <a:off x="1854200" y="274320"/>
          <a:ext cx="7761605" cy="6858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r>
            <a:rPr lang="en-US" altLang="zh-CN" sz="1600" b="1" i="1">
              <a:solidFill>
                <a:srgbClr val="FF0000"/>
              </a:solidFill>
            </a:rPr>
            <a:t>Confidential file only for internal use!</a:t>
          </a:r>
          <a:r>
            <a:rPr lang="en-US" altLang="zh-CN" sz="1600" b="1" i="1" baseline="0">
              <a:solidFill>
                <a:srgbClr val="FF0000"/>
              </a:solidFill>
            </a:rPr>
            <a:t> Please use the price-list template for external publication.</a:t>
          </a:r>
          <a:endParaRPr lang="zh-CN" altLang="en-US" sz="1600" b="1" i="1">
            <a:solidFill>
              <a:srgbClr val="FF0000"/>
            </a:solidFill>
          </a:endParaRPr>
        </a:p>
      </xdr:txBody>
    </xdr:sp>
    <xdr:clientData/>
  </xdr:twoCellAnchor>
  <xdr:twoCellAnchor editAs="oneCell">
    <xdr:from>
      <xdr:col>1</xdr:col>
      <xdr:colOff>371475</xdr:colOff>
      <xdr:row>8</xdr:row>
      <xdr:rowOff>257175</xdr:rowOff>
    </xdr:from>
    <xdr:to>
      <xdr:col>1</xdr:col>
      <xdr:colOff>1000125</xdr:colOff>
      <xdr:row>9</xdr:row>
      <xdr:rowOff>466725</xdr:rowOff>
    </xdr:to>
    <xdr:pic>
      <xdr:nvPicPr>
        <xdr:cNvPr id="32873" name="图片 31"/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924050" y="2562225"/>
          <a:ext cx="628650" cy="8667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10</xdr:row>
      <xdr:rowOff>257175</xdr:rowOff>
    </xdr:from>
    <xdr:to>
      <xdr:col>1</xdr:col>
      <xdr:colOff>1000125</xdr:colOff>
      <xdr:row>11</xdr:row>
      <xdr:rowOff>457200</xdr:rowOff>
    </xdr:to>
    <xdr:pic>
      <xdr:nvPicPr>
        <xdr:cNvPr id="32874" name="图片 32"/>
        <xdr:cNvPicPr>
          <a:picLocks noChangeAspect="1" noChangeArrowheads="1"/>
        </xdr:cNvPicPr>
      </xdr:nvPicPr>
      <xdr:blipFill>
        <a:blip xmlns:r="http://schemas.openxmlformats.org/officeDocument/2006/relationships" r:embed="rId2"/>
        <a:srcRect/>
        <a:stretch>
          <a:fillRect/>
        </a:stretch>
      </xdr:blipFill>
      <xdr:spPr bwMode="auto">
        <a:xfrm>
          <a:off x="1924050" y="3876675"/>
          <a:ext cx="628650" cy="8572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5</xdr:row>
      <xdr:rowOff>247650</xdr:rowOff>
    </xdr:from>
    <xdr:to>
      <xdr:col>1</xdr:col>
      <xdr:colOff>1000125</xdr:colOff>
      <xdr:row>6</xdr:row>
      <xdr:rowOff>447675</xdr:rowOff>
    </xdr:to>
    <xdr:pic>
      <xdr:nvPicPr>
        <xdr:cNvPr id="32875" name="图片 33"/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1924050" y="1076325"/>
          <a:ext cx="628650" cy="8572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14</xdr:row>
      <xdr:rowOff>247650</xdr:rowOff>
    </xdr:from>
    <xdr:to>
      <xdr:col>1</xdr:col>
      <xdr:colOff>895350</xdr:colOff>
      <xdr:row>15</xdr:row>
      <xdr:rowOff>438150</xdr:rowOff>
    </xdr:to>
    <xdr:pic>
      <xdr:nvPicPr>
        <xdr:cNvPr id="32876" name="图片 34"/>
        <xdr:cNvPicPr>
          <a:picLocks noChangeAspect="1" noChangeArrowheads="1"/>
        </xdr:cNvPicPr>
      </xdr:nvPicPr>
      <xdr:blipFill>
        <a:blip xmlns:r="http://schemas.openxmlformats.org/officeDocument/2006/relationships" r:embed="rId4"/>
        <a:srcRect/>
        <a:stretch>
          <a:fillRect/>
        </a:stretch>
      </xdr:blipFill>
      <xdr:spPr bwMode="auto">
        <a:xfrm>
          <a:off x="1924050" y="5505450"/>
          <a:ext cx="523875" cy="8477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16</xdr:row>
      <xdr:rowOff>276225</xdr:rowOff>
    </xdr:from>
    <xdr:to>
      <xdr:col>1</xdr:col>
      <xdr:colOff>895350</xdr:colOff>
      <xdr:row>17</xdr:row>
      <xdr:rowOff>466725</xdr:rowOff>
    </xdr:to>
    <xdr:pic>
      <xdr:nvPicPr>
        <xdr:cNvPr id="32877" name="图片 35"/>
        <xdr:cNvPicPr>
          <a:picLocks noChangeAspect="1" noChangeArrowheads="1"/>
        </xdr:cNvPicPr>
      </xdr:nvPicPr>
      <xdr:blipFill>
        <a:blip xmlns:r="http://schemas.openxmlformats.org/officeDocument/2006/relationships" r:embed="rId4"/>
        <a:srcRect/>
        <a:stretch>
          <a:fillRect/>
        </a:stretch>
      </xdr:blipFill>
      <xdr:spPr bwMode="auto">
        <a:xfrm>
          <a:off x="1924050" y="6848475"/>
          <a:ext cx="523875" cy="8477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21</xdr:row>
      <xdr:rowOff>180975</xdr:rowOff>
    </xdr:from>
    <xdr:to>
      <xdr:col>1</xdr:col>
      <xdr:colOff>962025</xdr:colOff>
      <xdr:row>22</xdr:row>
      <xdr:rowOff>485775</xdr:rowOff>
    </xdr:to>
    <xdr:pic>
      <xdr:nvPicPr>
        <xdr:cNvPr id="32878" name="图片 36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24050" y="9544050"/>
          <a:ext cx="590550" cy="962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31</xdr:row>
      <xdr:rowOff>209550</xdr:rowOff>
    </xdr:from>
    <xdr:to>
      <xdr:col>1</xdr:col>
      <xdr:colOff>962025</xdr:colOff>
      <xdr:row>32</xdr:row>
      <xdr:rowOff>523875</xdr:rowOff>
    </xdr:to>
    <xdr:pic>
      <xdr:nvPicPr>
        <xdr:cNvPr id="32879" name="图片 37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24050" y="15154275"/>
          <a:ext cx="5905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29</xdr:row>
      <xdr:rowOff>190500</xdr:rowOff>
    </xdr:from>
    <xdr:to>
      <xdr:col>1</xdr:col>
      <xdr:colOff>962025</xdr:colOff>
      <xdr:row>30</xdr:row>
      <xdr:rowOff>495300</xdr:rowOff>
    </xdr:to>
    <xdr:pic>
      <xdr:nvPicPr>
        <xdr:cNvPr id="32880" name="图片 38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24050" y="13820775"/>
          <a:ext cx="590550" cy="962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34</xdr:row>
      <xdr:rowOff>342900</xdr:rowOff>
    </xdr:from>
    <xdr:to>
      <xdr:col>1</xdr:col>
      <xdr:colOff>923925</xdr:colOff>
      <xdr:row>35</xdr:row>
      <xdr:rowOff>428625</xdr:rowOff>
    </xdr:to>
    <xdr:pic>
      <xdr:nvPicPr>
        <xdr:cNvPr id="32881" name="图片 39"/>
        <xdr:cNvPicPr>
          <a:picLocks noChangeAspect="1" noChangeArrowheads="1"/>
        </xdr:cNvPicPr>
      </xdr:nvPicPr>
      <xdr:blipFill>
        <a:blip xmlns:r="http://schemas.openxmlformats.org/officeDocument/2006/relationships" r:embed="rId6"/>
        <a:srcRect/>
        <a:stretch>
          <a:fillRect/>
        </a:stretch>
      </xdr:blipFill>
      <xdr:spPr bwMode="auto">
        <a:xfrm>
          <a:off x="1924050" y="16764000"/>
          <a:ext cx="552450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19</xdr:row>
      <xdr:rowOff>152400</xdr:rowOff>
    </xdr:from>
    <xdr:to>
      <xdr:col>1</xdr:col>
      <xdr:colOff>962025</xdr:colOff>
      <xdr:row>20</xdr:row>
      <xdr:rowOff>466725</xdr:rowOff>
    </xdr:to>
    <xdr:pic>
      <xdr:nvPicPr>
        <xdr:cNvPr id="32882" name="图片 40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24050" y="8201025"/>
          <a:ext cx="5905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52425</xdr:colOff>
      <xdr:row>26</xdr:row>
      <xdr:rowOff>200025</xdr:rowOff>
    </xdr:from>
    <xdr:to>
      <xdr:col>1</xdr:col>
      <xdr:colOff>952500</xdr:colOff>
      <xdr:row>27</xdr:row>
      <xdr:rowOff>504825</xdr:rowOff>
    </xdr:to>
    <xdr:pic>
      <xdr:nvPicPr>
        <xdr:cNvPr id="32883" name="图片 41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05000" y="12353925"/>
          <a:ext cx="600075" cy="962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371475</xdr:colOff>
      <xdr:row>23</xdr:row>
      <xdr:rowOff>190500</xdr:rowOff>
    </xdr:from>
    <xdr:to>
      <xdr:col>1</xdr:col>
      <xdr:colOff>962025</xdr:colOff>
      <xdr:row>24</xdr:row>
      <xdr:rowOff>495300</xdr:rowOff>
    </xdr:to>
    <xdr:pic>
      <xdr:nvPicPr>
        <xdr:cNvPr id="32884" name="图片 42"/>
        <xdr:cNvPicPr>
          <a:picLocks noChangeAspect="1" noChangeArrowheads="1"/>
        </xdr:cNvPicPr>
      </xdr:nvPicPr>
      <xdr:blipFill>
        <a:blip xmlns:r="http://schemas.openxmlformats.org/officeDocument/2006/relationships" r:embed="rId5"/>
        <a:srcRect/>
        <a:stretch>
          <a:fillRect/>
        </a:stretch>
      </xdr:blipFill>
      <xdr:spPr bwMode="auto">
        <a:xfrm>
          <a:off x="1924050" y="10868025"/>
          <a:ext cx="590550" cy="962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9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10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9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.bin"/><Relationship Id="rId2" Type="http://schemas.openxmlformats.org/officeDocument/2006/relationships/hyperlink" Target="mailto:HC121@TS8C-Z" TargetMode="External"/><Relationship Id="rId1" Type="http://schemas.openxmlformats.org/officeDocument/2006/relationships/hyperlink" Target="mailto:HC121@TS8CR-Z" TargetMode="External"/><Relationship Id="rId4" Type="http://schemas.openxmlformats.org/officeDocument/2006/relationships/drawing" Target="../drawings/drawing1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4.bin"/><Relationship Id="rId4" Type="http://schemas.openxmlformats.org/officeDocument/2006/relationships/comments" Target="../comments1.xml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5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6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6.xml"/><Relationship Id="rId2" Type="http://schemas.openxmlformats.org/officeDocument/2006/relationships/printerSettings" Target="../printerSettings/printerSettings7.bin"/><Relationship Id="rId1" Type="http://schemas.openxmlformats.org/officeDocument/2006/relationships/hyperlink" Target="mailto:DE3160-V2@S" TargetMode="External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10"/>
  <sheetViews>
    <sheetView tabSelected="1" workbookViewId="0">
      <selection activeCell="C14" sqref="C14"/>
    </sheetView>
  </sheetViews>
  <sheetFormatPr defaultColWidth="9" defaultRowHeight="16.5"/>
  <cols>
    <col min="1" max="1" width="16.36328125" style="48" customWidth="1"/>
    <col min="2" max="2" width="10.36328125" style="48" customWidth="1"/>
    <col min="3" max="3" width="92.54296875" style="48" customWidth="1"/>
    <col min="4" max="16384" width="9" style="48"/>
  </cols>
  <sheetData>
    <row r="2" spans="1:3">
      <c r="A2" s="40" t="s">
        <v>1980</v>
      </c>
      <c r="B2" s="48" t="s">
        <v>1894</v>
      </c>
    </row>
    <row r="3" spans="1:3">
      <c r="A3" s="494" t="s">
        <v>1981</v>
      </c>
      <c r="B3" s="48" t="s">
        <v>1982</v>
      </c>
    </row>
    <row r="5" spans="1:3">
      <c r="A5" s="495" t="s">
        <v>1990</v>
      </c>
      <c r="B5" s="494" t="s">
        <v>1955</v>
      </c>
      <c r="C5" s="48" t="s">
        <v>1983</v>
      </c>
    </row>
    <row r="6" spans="1:3">
      <c r="A6" s="495"/>
      <c r="B6" s="494" t="s">
        <v>1952</v>
      </c>
      <c r="C6" s="48" t="s">
        <v>1984</v>
      </c>
    </row>
    <row r="7" spans="1:3">
      <c r="A7" s="495"/>
      <c r="B7" s="494" t="s">
        <v>1953</v>
      </c>
      <c r="C7" s="48" t="s">
        <v>1985</v>
      </c>
    </row>
    <row r="8" spans="1:3">
      <c r="B8" s="494"/>
      <c r="C8" s="527" t="s">
        <v>2013</v>
      </c>
    </row>
    <row r="9" spans="1:3">
      <c r="B9" s="494"/>
      <c r="C9" s="527"/>
    </row>
    <row r="10" spans="1:3">
      <c r="A10" s="494" t="s">
        <v>1986</v>
      </c>
      <c r="B10" s="494" t="s">
        <v>1954</v>
      </c>
      <c r="C10" s="48" t="s">
        <v>1987</v>
      </c>
    </row>
  </sheetData>
  <mergeCells count="1">
    <mergeCell ref="A5:A7"/>
  </mergeCells>
  <phoneticPr fontId="31" type="noConversion"/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2"/>
  <sheetViews>
    <sheetView zoomScale="70" zoomScaleNormal="70" workbookViewId="0">
      <selection activeCell="L1" sqref="L1"/>
    </sheetView>
  </sheetViews>
  <sheetFormatPr defaultColWidth="9" defaultRowHeight="15.5"/>
  <cols>
    <col min="1" max="1" width="29.36328125" style="36" customWidth="1"/>
    <col min="2" max="2" width="42" style="36" customWidth="1"/>
    <col min="3" max="3" width="28" style="36" customWidth="1"/>
    <col min="4" max="4" width="49.453125" style="36" customWidth="1"/>
    <col min="5" max="5" width="20.90625" style="448" customWidth="1"/>
    <col min="6" max="6" width="18" style="36" customWidth="1"/>
    <col min="7" max="7" width="7.6328125" style="36" customWidth="1"/>
    <col min="8" max="8" width="11.7265625" style="36" customWidth="1"/>
    <col min="9" max="9" width="32.7265625" style="36" customWidth="1"/>
    <col min="10" max="10" width="13.7265625" style="36" customWidth="1"/>
    <col min="11" max="11" width="15.453125" style="501" customWidth="1"/>
    <col min="12" max="12" width="17.26953125" style="36" customWidth="1"/>
    <col min="13" max="16384" width="9" style="36"/>
  </cols>
  <sheetData>
    <row r="1" spans="1:12" s="448" customFormat="1" ht="54.65" customHeight="1">
      <c r="A1" s="543" t="s">
        <v>1977</v>
      </c>
      <c r="B1" s="545" t="s">
        <v>1978</v>
      </c>
      <c r="C1" s="545" t="s">
        <v>1988</v>
      </c>
      <c r="D1" s="545" t="s">
        <v>1996</v>
      </c>
      <c r="E1" s="545" t="s">
        <v>2002</v>
      </c>
      <c r="F1" s="545" t="s">
        <v>2003</v>
      </c>
      <c r="G1" s="545" t="s">
        <v>2004</v>
      </c>
      <c r="H1" s="545" t="s">
        <v>2005</v>
      </c>
      <c r="I1" s="545" t="s">
        <v>2006</v>
      </c>
      <c r="J1" s="545" t="s">
        <v>6</v>
      </c>
      <c r="K1" s="544" t="s">
        <v>1956</v>
      </c>
      <c r="L1" s="533" t="s">
        <v>1960</v>
      </c>
    </row>
    <row r="2" spans="1:12" ht="52.5" customHeight="1">
      <c r="A2" s="472" t="s">
        <v>226</v>
      </c>
      <c r="B2" s="42" t="s">
        <v>1808</v>
      </c>
      <c r="C2" s="42"/>
      <c r="D2" s="69"/>
      <c r="E2" s="69"/>
      <c r="F2" s="69"/>
      <c r="G2" s="69"/>
      <c r="H2" s="69"/>
      <c r="I2" s="69"/>
      <c r="J2" s="69"/>
      <c r="K2" s="503">
        <v>137</v>
      </c>
      <c r="L2" s="36" t="s">
        <v>1953</v>
      </c>
    </row>
    <row r="3" spans="1:12" ht="59.25" customHeight="1">
      <c r="A3" s="472" t="s">
        <v>226</v>
      </c>
      <c r="B3" s="42" t="s">
        <v>1809</v>
      </c>
      <c r="C3" s="42"/>
      <c r="D3" s="69"/>
      <c r="E3" s="69"/>
      <c r="F3" s="69"/>
      <c r="G3" s="69"/>
      <c r="H3" s="69"/>
      <c r="I3" s="69"/>
      <c r="J3" s="69"/>
      <c r="K3" s="503">
        <v>208</v>
      </c>
      <c r="L3" s="36" t="s">
        <v>1953</v>
      </c>
    </row>
    <row r="4" spans="1:12" ht="51" customHeight="1">
      <c r="A4" s="472" t="s">
        <v>226</v>
      </c>
      <c r="B4" s="42" t="s">
        <v>1810</v>
      </c>
      <c r="C4" s="42"/>
      <c r="D4" s="69"/>
      <c r="E4" s="69"/>
      <c r="F4" s="69"/>
      <c r="G4" s="69"/>
      <c r="H4" s="69"/>
      <c r="I4" s="69"/>
      <c r="J4" s="69"/>
      <c r="K4" s="503">
        <v>690</v>
      </c>
      <c r="L4" s="36" t="s">
        <v>1953</v>
      </c>
    </row>
    <row r="5" spans="1:12" ht="44.25" customHeight="1">
      <c r="A5" s="472" t="s">
        <v>226</v>
      </c>
      <c r="B5" s="42" t="s">
        <v>1811</v>
      </c>
      <c r="C5" s="42"/>
      <c r="D5" s="69"/>
      <c r="E5" s="69"/>
      <c r="F5" s="69"/>
      <c r="G5" s="69"/>
      <c r="H5" s="69"/>
      <c r="I5" s="69"/>
      <c r="J5" s="69"/>
      <c r="K5" s="503">
        <v>920</v>
      </c>
      <c r="L5" s="36" t="s">
        <v>1953</v>
      </c>
    </row>
    <row r="6" spans="1:12" ht="16.5">
      <c r="A6" s="472" t="s">
        <v>226</v>
      </c>
      <c r="B6" s="42" t="s">
        <v>223</v>
      </c>
      <c r="C6" s="42"/>
      <c r="D6" s="42" t="s">
        <v>1797</v>
      </c>
      <c r="E6" s="473">
        <v>6</v>
      </c>
      <c r="F6" s="473" t="s">
        <v>1773</v>
      </c>
      <c r="G6" s="473" t="s">
        <v>1773</v>
      </c>
      <c r="H6" s="42" t="s">
        <v>1798</v>
      </c>
      <c r="I6" s="42" t="s">
        <v>1799</v>
      </c>
      <c r="J6" s="42" t="s">
        <v>188</v>
      </c>
      <c r="K6" s="503">
        <v>137</v>
      </c>
      <c r="L6" s="36" t="s">
        <v>1953</v>
      </c>
    </row>
    <row r="7" spans="1:12" ht="16.5">
      <c r="A7" s="472" t="s">
        <v>226</v>
      </c>
      <c r="B7" s="42" t="s">
        <v>224</v>
      </c>
      <c r="C7" s="42"/>
      <c r="D7" s="42" t="s">
        <v>1800</v>
      </c>
      <c r="E7" s="473">
        <v>10</v>
      </c>
      <c r="F7" s="473" t="s">
        <v>1773</v>
      </c>
      <c r="G7" s="473" t="s">
        <v>1773</v>
      </c>
      <c r="H7" s="42" t="s">
        <v>1798</v>
      </c>
      <c r="I7" s="42" t="s">
        <v>1801</v>
      </c>
      <c r="J7" s="42" t="s">
        <v>1802</v>
      </c>
      <c r="K7" s="503">
        <v>229</v>
      </c>
      <c r="L7" s="36" t="s">
        <v>1953</v>
      </c>
    </row>
    <row r="8" spans="1:12" ht="16.5">
      <c r="A8" s="472" t="s">
        <v>226</v>
      </c>
      <c r="B8" s="42" t="s">
        <v>189</v>
      </c>
      <c r="C8" s="42"/>
      <c r="D8" s="42" t="s">
        <v>1803</v>
      </c>
      <c r="E8" s="473">
        <v>16</v>
      </c>
      <c r="F8" s="473">
        <v>2</v>
      </c>
      <c r="G8" s="473" t="s">
        <v>1773</v>
      </c>
      <c r="H8" s="42" t="s">
        <v>1798</v>
      </c>
      <c r="I8" s="42" t="s">
        <v>1804</v>
      </c>
      <c r="J8" s="42" t="s">
        <v>190</v>
      </c>
      <c r="K8" s="503">
        <v>690</v>
      </c>
      <c r="L8" s="36" t="s">
        <v>1953</v>
      </c>
    </row>
    <row r="9" spans="1:12" ht="16.5">
      <c r="A9" s="472" t="s">
        <v>226</v>
      </c>
      <c r="B9" s="42" t="s">
        <v>225</v>
      </c>
      <c r="C9" s="42"/>
      <c r="D9" s="42" t="s">
        <v>1805</v>
      </c>
      <c r="E9" s="473">
        <v>24</v>
      </c>
      <c r="F9" s="473">
        <v>2</v>
      </c>
      <c r="G9" s="473" t="s">
        <v>1773</v>
      </c>
      <c r="H9" s="42" t="s">
        <v>1798</v>
      </c>
      <c r="I9" s="42" t="s">
        <v>1806</v>
      </c>
      <c r="J9" s="42" t="s">
        <v>191</v>
      </c>
      <c r="K9" s="503">
        <v>920</v>
      </c>
      <c r="L9" s="36" t="s">
        <v>1953</v>
      </c>
    </row>
    <row r="10" spans="1:12" ht="16.5">
      <c r="A10" s="472" t="s">
        <v>226</v>
      </c>
      <c r="B10" s="42" t="s">
        <v>755</v>
      </c>
      <c r="C10" s="42"/>
      <c r="D10" s="42" t="s">
        <v>1974</v>
      </c>
      <c r="E10" s="473">
        <v>24</v>
      </c>
      <c r="F10" s="473">
        <v>2</v>
      </c>
      <c r="G10" s="473">
        <v>2</v>
      </c>
      <c r="H10" s="42" t="s">
        <v>1773</v>
      </c>
      <c r="I10" s="42" t="s">
        <v>1773</v>
      </c>
      <c r="J10" s="42" t="s">
        <v>1807</v>
      </c>
      <c r="K10" s="503">
        <v>920</v>
      </c>
      <c r="L10" s="36" t="s">
        <v>1953</v>
      </c>
    </row>
    <row r="11" spans="1:12" ht="16.5">
      <c r="A11" s="42" t="s">
        <v>1068</v>
      </c>
      <c r="B11" s="42" t="s">
        <v>1069</v>
      </c>
      <c r="C11" s="42"/>
      <c r="D11" s="69"/>
      <c r="E11" s="474"/>
      <c r="F11" s="69"/>
      <c r="G11" s="69"/>
      <c r="H11" s="69"/>
      <c r="I11" s="69"/>
      <c r="J11" s="472" t="s">
        <v>1070</v>
      </c>
      <c r="K11" s="503">
        <v>644</v>
      </c>
      <c r="L11" s="36" t="s">
        <v>1952</v>
      </c>
    </row>
    <row r="12" spans="1:12" ht="16.5">
      <c r="A12" s="42" t="s">
        <v>1068</v>
      </c>
      <c r="B12" s="42" t="s">
        <v>1893</v>
      </c>
      <c r="C12" s="69"/>
      <c r="D12" s="69"/>
      <c r="E12" s="474"/>
      <c r="F12" s="69"/>
      <c r="G12" s="69"/>
      <c r="H12" s="69"/>
      <c r="I12" s="69"/>
      <c r="J12" s="69"/>
      <c r="K12" s="503">
        <v>3927</v>
      </c>
      <c r="L12" s="36" t="s">
        <v>1953</v>
      </c>
    </row>
  </sheetData>
  <autoFilter ref="A1:K11"/>
  <phoneticPr fontId="31" type="noConversion"/>
  <pageMargins left="0.7" right="0.7" top="0.75" bottom="0.75" header="0.3" footer="0.3"/>
  <pageSetup paperSize="9" orientation="portrait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7"/>
  <sheetViews>
    <sheetView zoomScaleNormal="100" workbookViewId="0">
      <selection activeCell="G19" sqref="G19"/>
    </sheetView>
  </sheetViews>
  <sheetFormatPr defaultRowHeight="14.5"/>
  <cols>
    <col min="1" max="1" width="8.7265625" style="475"/>
    <col min="2" max="2" width="24.36328125" style="475" customWidth="1"/>
    <col min="3" max="5" width="8.7265625" style="475"/>
    <col min="6" max="6" width="9" style="475" customWidth="1"/>
    <col min="7" max="7" width="35.36328125" style="475" customWidth="1"/>
    <col min="8" max="8" width="8.7265625" style="475"/>
    <col min="9" max="9" width="13.6328125" style="475" customWidth="1"/>
    <col min="10" max="16384" width="8.7265625" style="475"/>
  </cols>
  <sheetData>
    <row r="1" spans="1:9" ht="40.5">
      <c r="A1" s="546" t="s">
        <v>0</v>
      </c>
      <c r="B1" s="546" t="s">
        <v>5</v>
      </c>
      <c r="C1" s="546" t="s">
        <v>1789</v>
      </c>
      <c r="D1" s="546" t="s">
        <v>1788</v>
      </c>
      <c r="E1" s="546" t="s">
        <v>1787</v>
      </c>
      <c r="F1" s="546" t="s">
        <v>1786</v>
      </c>
      <c r="G1" s="546" t="s">
        <v>1785</v>
      </c>
      <c r="H1" s="546" t="s">
        <v>1784</v>
      </c>
      <c r="I1" s="547" t="s">
        <v>1956</v>
      </c>
    </row>
    <row r="2" spans="1:9">
      <c r="A2" s="476" t="s">
        <v>1783</v>
      </c>
      <c r="B2" s="476"/>
      <c r="C2" s="476"/>
      <c r="D2" s="476"/>
      <c r="E2" s="476"/>
      <c r="F2" s="476"/>
      <c r="G2" s="476"/>
      <c r="H2" s="476"/>
      <c r="I2" s="477"/>
    </row>
    <row r="3" spans="1:9" ht="39">
      <c r="A3" s="86" t="s">
        <v>1782</v>
      </c>
      <c r="B3" s="86" t="s">
        <v>1781</v>
      </c>
      <c r="C3" s="86"/>
      <c r="D3" s="86" t="s">
        <v>1780</v>
      </c>
      <c r="E3" s="87">
        <v>3000</v>
      </c>
      <c r="F3" s="86" t="s">
        <v>1766</v>
      </c>
      <c r="G3" s="86" t="s">
        <v>1779</v>
      </c>
      <c r="H3" s="86" t="s">
        <v>1778</v>
      </c>
      <c r="I3" s="396" t="s">
        <v>1957</v>
      </c>
    </row>
    <row r="4" spans="1:9" ht="52">
      <c r="A4" s="86" t="s">
        <v>1777</v>
      </c>
      <c r="B4" s="86" t="s">
        <v>1776</v>
      </c>
      <c r="C4" s="86"/>
      <c r="D4" s="86" t="s">
        <v>1762</v>
      </c>
      <c r="E4" s="87">
        <v>10000</v>
      </c>
      <c r="F4" s="86" t="s">
        <v>1766</v>
      </c>
      <c r="G4" s="86" t="s">
        <v>1775</v>
      </c>
      <c r="H4" s="86" t="s">
        <v>1774</v>
      </c>
      <c r="I4" s="396" t="s">
        <v>1957</v>
      </c>
    </row>
    <row r="5" spans="1:9" ht="39">
      <c r="A5" s="86" t="s">
        <v>1772</v>
      </c>
      <c r="B5" s="86" t="s">
        <v>1771</v>
      </c>
      <c r="C5" s="86"/>
      <c r="D5" s="86" t="s">
        <v>1762</v>
      </c>
      <c r="E5" s="87">
        <v>50000</v>
      </c>
      <c r="F5" s="86" t="s">
        <v>1770</v>
      </c>
      <c r="G5" s="86" t="s">
        <v>1769</v>
      </c>
      <c r="H5" s="86" t="s">
        <v>1768</v>
      </c>
      <c r="I5" s="396" t="s">
        <v>1957</v>
      </c>
    </row>
    <row r="6" spans="1:9" ht="53.25" customHeight="1">
      <c r="A6" s="88" t="s">
        <v>1767</v>
      </c>
      <c r="B6" s="89" t="s">
        <v>1763</v>
      </c>
      <c r="C6" s="91"/>
      <c r="D6" s="89" t="s">
        <v>1762</v>
      </c>
      <c r="E6" s="90">
        <v>20000</v>
      </c>
      <c r="F6" s="89" t="s">
        <v>1766</v>
      </c>
      <c r="G6" s="89" t="s">
        <v>1975</v>
      </c>
      <c r="H6" s="89" t="s">
        <v>1765</v>
      </c>
      <c r="I6" s="396" t="s">
        <v>1957</v>
      </c>
    </row>
    <row r="7" spans="1:9" ht="46.5" customHeight="1">
      <c r="A7" s="88" t="s">
        <v>1764</v>
      </c>
      <c r="B7" s="89" t="s">
        <v>1763</v>
      </c>
      <c r="C7" s="92"/>
      <c r="D7" s="89" t="s">
        <v>1762</v>
      </c>
      <c r="E7" s="90">
        <v>50000</v>
      </c>
      <c r="F7" s="89" t="s">
        <v>1761</v>
      </c>
      <c r="G7" s="89" t="s">
        <v>1976</v>
      </c>
      <c r="H7" s="89" t="s">
        <v>1760</v>
      </c>
      <c r="I7" s="396" t="s">
        <v>1957</v>
      </c>
    </row>
    <row r="8" spans="1:9" ht="33">
      <c r="A8" s="86" t="s">
        <v>1854</v>
      </c>
      <c r="B8" s="86" t="s">
        <v>1853</v>
      </c>
      <c r="C8" s="86"/>
      <c r="D8" s="86" t="s">
        <v>1773</v>
      </c>
      <c r="E8" s="87" t="s">
        <v>1773</v>
      </c>
      <c r="F8" s="86" t="s">
        <v>1773</v>
      </c>
      <c r="G8" s="86" t="s">
        <v>1773</v>
      </c>
      <c r="H8" s="86" t="s">
        <v>1773</v>
      </c>
      <c r="I8" s="396" t="s">
        <v>1957</v>
      </c>
    </row>
    <row r="9" spans="1:9" ht="33">
      <c r="A9" s="86" t="s">
        <v>1844</v>
      </c>
      <c r="B9" s="86"/>
      <c r="C9" s="86"/>
      <c r="D9" s="86"/>
      <c r="E9" s="87"/>
      <c r="F9" s="86"/>
      <c r="G9" s="86"/>
      <c r="H9" s="86"/>
      <c r="I9" s="396" t="s">
        <v>1957</v>
      </c>
    </row>
    <row r="10" spans="1:9" ht="33">
      <c r="A10" s="86" t="s">
        <v>1845</v>
      </c>
      <c r="B10" s="86"/>
      <c r="C10" s="86"/>
      <c r="D10" s="86"/>
      <c r="E10" s="87"/>
      <c r="F10" s="86"/>
      <c r="G10" s="86"/>
      <c r="H10" s="86"/>
      <c r="I10" s="396" t="s">
        <v>1957</v>
      </c>
    </row>
    <row r="11" spans="1:9" ht="33">
      <c r="A11" s="86" t="s">
        <v>1846</v>
      </c>
      <c r="B11" s="86"/>
      <c r="C11" s="86"/>
      <c r="D11" s="86"/>
      <c r="E11" s="87"/>
      <c r="F11" s="86"/>
      <c r="G11" s="86"/>
      <c r="H11" s="86"/>
      <c r="I11" s="396" t="s">
        <v>1957</v>
      </c>
    </row>
    <row r="12" spans="1:9" ht="39">
      <c r="A12" s="86" t="s">
        <v>1847</v>
      </c>
      <c r="B12" s="86"/>
      <c r="C12" s="86"/>
      <c r="D12" s="86"/>
      <c r="E12" s="87"/>
      <c r="F12" s="86"/>
      <c r="G12" s="86"/>
      <c r="H12" s="86"/>
      <c r="I12" s="396" t="s">
        <v>1957</v>
      </c>
    </row>
    <row r="13" spans="1:9" ht="33">
      <c r="A13" s="86" t="s">
        <v>1848</v>
      </c>
      <c r="B13" s="86"/>
      <c r="C13" s="86"/>
      <c r="D13" s="86"/>
      <c r="E13" s="87"/>
      <c r="F13" s="86"/>
      <c r="G13" s="86"/>
      <c r="H13" s="86"/>
      <c r="I13" s="396" t="s">
        <v>1957</v>
      </c>
    </row>
    <row r="14" spans="1:9" ht="39">
      <c r="A14" s="86" t="s">
        <v>1849</v>
      </c>
      <c r="B14" s="86"/>
      <c r="C14" s="86"/>
      <c r="D14" s="86"/>
      <c r="E14" s="87"/>
      <c r="F14" s="86"/>
      <c r="G14" s="86"/>
      <c r="H14" s="86"/>
      <c r="I14" s="396" t="s">
        <v>1957</v>
      </c>
    </row>
    <row r="15" spans="1:9" ht="39">
      <c r="A15" s="86" t="s">
        <v>1850</v>
      </c>
      <c r="B15" s="86"/>
      <c r="C15" s="86"/>
      <c r="D15" s="86"/>
      <c r="E15" s="87"/>
      <c r="F15" s="86"/>
      <c r="G15" s="86"/>
      <c r="H15" s="86"/>
      <c r="I15" s="396" t="s">
        <v>1957</v>
      </c>
    </row>
    <row r="16" spans="1:9" ht="33">
      <c r="A16" s="86" t="s">
        <v>1851</v>
      </c>
      <c r="B16" s="86"/>
      <c r="C16" s="86"/>
      <c r="D16" s="86"/>
      <c r="E16" s="87"/>
      <c r="F16" s="86"/>
      <c r="G16" s="86"/>
      <c r="H16" s="86"/>
      <c r="I16" s="396" t="s">
        <v>1957</v>
      </c>
    </row>
    <row r="17" spans="1:9" ht="33">
      <c r="A17" s="86" t="s">
        <v>1852</v>
      </c>
      <c r="B17" s="86"/>
      <c r="C17" s="86"/>
      <c r="D17" s="86"/>
      <c r="E17" s="87"/>
      <c r="F17" s="86"/>
      <c r="G17" s="86"/>
      <c r="H17" s="86"/>
      <c r="I17" s="396" t="s">
        <v>1957</v>
      </c>
    </row>
  </sheetData>
  <mergeCells count="1">
    <mergeCell ref="A2:H2"/>
  </mergeCells>
  <phoneticPr fontId="31" type="noConversion"/>
  <pageMargins left="0.7" right="0.7" top="0.75" bottom="0.75" header="0.3" footer="0.3"/>
  <pageSetup paperSize="9" fitToWidth="0" fitToHeight="0" orientation="portrait" horizontalDpi="300" verticalDpi="300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8"/>
  <sheetViews>
    <sheetView workbookViewId="0">
      <selection activeCell="A8" sqref="A8:R8"/>
    </sheetView>
  </sheetViews>
  <sheetFormatPr defaultRowHeight="14.5"/>
  <sheetData>
    <row r="1" spans="1:18" ht="18.5">
      <c r="A1" s="548" t="s">
        <v>2007</v>
      </c>
      <c r="B1" s="548"/>
      <c r="C1" s="548"/>
      <c r="D1" s="548"/>
      <c r="E1" s="548"/>
      <c r="F1" s="548"/>
      <c r="G1" s="548"/>
      <c r="H1" s="548"/>
      <c r="I1" s="548"/>
      <c r="J1" s="548"/>
      <c r="K1" s="548"/>
      <c r="L1" s="548"/>
      <c r="M1" s="548"/>
      <c r="N1" s="548"/>
      <c r="O1" s="548"/>
      <c r="P1" s="548"/>
      <c r="Q1" s="548"/>
      <c r="R1" s="548"/>
    </row>
    <row r="2" spans="1:18" ht="93.5" customHeight="1">
      <c r="A2" s="549" t="s">
        <v>2008</v>
      </c>
      <c r="B2" s="549"/>
      <c r="C2" s="549"/>
      <c r="D2" s="549"/>
      <c r="E2" s="549"/>
      <c r="F2" s="549"/>
      <c r="G2" s="549"/>
      <c r="H2" s="549"/>
      <c r="I2" s="549"/>
      <c r="J2" s="549"/>
      <c r="K2" s="549"/>
      <c r="L2" s="549"/>
      <c r="M2" s="549"/>
      <c r="N2" s="549"/>
      <c r="O2" s="549"/>
      <c r="P2" s="549"/>
      <c r="Q2" s="549"/>
      <c r="R2" s="549"/>
    </row>
    <row r="3" spans="1:18" ht="18.5">
      <c r="A3" s="548" t="s">
        <v>2009</v>
      </c>
      <c r="B3" s="548"/>
      <c r="C3" s="548"/>
      <c r="D3" s="548"/>
      <c r="E3" s="548"/>
      <c r="F3" s="548"/>
      <c r="G3" s="548"/>
      <c r="H3" s="548"/>
      <c r="I3" s="548"/>
      <c r="J3" s="548"/>
      <c r="K3" s="548"/>
      <c r="L3" s="548"/>
      <c r="M3" s="548"/>
      <c r="N3" s="548"/>
      <c r="O3" s="548"/>
      <c r="P3" s="548"/>
      <c r="Q3" s="548"/>
      <c r="R3" s="548"/>
    </row>
    <row r="4" spans="1:18" ht="34" customHeight="1">
      <c r="A4" s="549" t="s">
        <v>2010</v>
      </c>
      <c r="B4" s="549"/>
      <c r="C4" s="549"/>
      <c r="D4" s="549"/>
      <c r="E4" s="549"/>
      <c r="F4" s="549"/>
      <c r="G4" s="549"/>
      <c r="H4" s="549"/>
      <c r="I4" s="549"/>
      <c r="J4" s="549"/>
      <c r="K4" s="549"/>
      <c r="L4" s="549"/>
      <c r="M4" s="549"/>
      <c r="N4" s="549"/>
      <c r="O4" s="549"/>
      <c r="P4" s="549"/>
      <c r="Q4" s="549"/>
      <c r="R4" s="549"/>
    </row>
    <row r="5" spans="1:18">
      <c r="A5" s="550"/>
      <c r="B5" s="550"/>
      <c r="C5" s="550"/>
      <c r="D5" s="550"/>
      <c r="E5" s="550"/>
      <c r="F5" s="550"/>
      <c r="G5" s="550"/>
      <c r="H5" s="550"/>
      <c r="I5" s="550"/>
      <c r="J5" s="550"/>
      <c r="K5" s="550"/>
      <c r="L5" s="550"/>
      <c r="M5" s="550"/>
      <c r="N5" s="550"/>
      <c r="O5" s="550"/>
      <c r="P5" s="550"/>
      <c r="Q5" s="550"/>
      <c r="R5" s="550"/>
    </row>
    <row r="6" spans="1:18" ht="18.5">
      <c r="A6" s="548" t="s">
        <v>2011</v>
      </c>
      <c r="B6" s="548"/>
      <c r="C6" s="548"/>
      <c r="D6" s="548"/>
      <c r="E6" s="548"/>
      <c r="F6" s="548"/>
      <c r="G6" s="548"/>
      <c r="H6" s="548"/>
      <c r="I6" s="548"/>
      <c r="J6" s="548"/>
      <c r="K6" s="548"/>
      <c r="L6" s="548"/>
      <c r="M6" s="548"/>
      <c r="N6" s="548"/>
      <c r="O6" s="548"/>
      <c r="P6" s="548"/>
      <c r="Q6" s="548"/>
      <c r="R6" s="548"/>
    </row>
    <row r="7" spans="1:18">
      <c r="A7" s="550"/>
      <c r="B7" s="550"/>
      <c r="C7" s="550"/>
      <c r="D7" s="550"/>
      <c r="E7" s="550"/>
      <c r="F7" s="550"/>
      <c r="G7" s="550"/>
      <c r="H7" s="550"/>
      <c r="I7" s="550"/>
      <c r="J7" s="550"/>
      <c r="K7" s="550"/>
      <c r="L7" s="550"/>
      <c r="M7" s="550"/>
      <c r="N7" s="550"/>
      <c r="O7" s="550"/>
      <c r="P7" s="550"/>
      <c r="Q7" s="550"/>
      <c r="R7" s="550"/>
    </row>
    <row r="8" spans="1:18">
      <c r="A8" s="549" t="s">
        <v>2012</v>
      </c>
      <c r="B8" s="549"/>
      <c r="C8" s="549"/>
      <c r="D8" s="549"/>
      <c r="E8" s="549"/>
      <c r="F8" s="549"/>
      <c r="G8" s="549"/>
      <c r="H8" s="549"/>
      <c r="I8" s="549"/>
      <c r="J8" s="549"/>
      <c r="K8" s="549"/>
      <c r="L8" s="549"/>
      <c r="M8" s="549"/>
      <c r="N8" s="549"/>
      <c r="O8" s="549"/>
      <c r="P8" s="549"/>
      <c r="Q8" s="549"/>
      <c r="R8" s="549"/>
    </row>
  </sheetData>
  <mergeCells count="6">
    <mergeCell ref="A1:R1"/>
    <mergeCell ref="A2:R2"/>
    <mergeCell ref="A3:R3"/>
    <mergeCell ref="A4:R4"/>
    <mergeCell ref="A6:R6"/>
    <mergeCell ref="A8:R8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H19" sqref="H19"/>
    </sheetView>
  </sheetViews>
  <sheetFormatPr defaultColWidth="9" defaultRowHeight="14.5"/>
  <cols>
    <col min="1" max="1" width="9" customWidth="1"/>
  </cols>
  <sheetData/>
  <phoneticPr fontId="18" type="noConversion"/>
  <pageMargins left="0.69930555555555596" right="0.69930555555555596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A36"/>
  <sheetViews>
    <sheetView topLeftCell="A13" zoomScale="80" zoomScaleNormal="80" workbookViewId="0">
      <selection activeCell="D23" sqref="D23"/>
    </sheetView>
  </sheetViews>
  <sheetFormatPr defaultColWidth="9" defaultRowHeight="13"/>
  <cols>
    <col min="1" max="1" width="20.36328125" style="6" customWidth="1"/>
    <col min="2" max="2" width="18.36328125" style="6" customWidth="1"/>
    <col min="3" max="3" width="23.26953125" style="7" customWidth="1"/>
    <col min="4" max="4" width="79.36328125" style="8" customWidth="1"/>
    <col min="5" max="5" width="17.36328125" style="6" customWidth="1"/>
    <col min="6" max="6" width="23.90625" style="6" customWidth="1"/>
    <col min="7" max="16384" width="9" style="6"/>
  </cols>
  <sheetData>
    <row r="1" spans="1:53" s="1" customFormat="1" ht="13.5" customHeight="1">
      <c r="A1" s="9" t="s">
        <v>0</v>
      </c>
      <c r="B1" s="9" t="s">
        <v>84</v>
      </c>
      <c r="C1" s="10" t="s">
        <v>5</v>
      </c>
      <c r="D1" s="9" t="s">
        <v>4</v>
      </c>
    </row>
    <row r="2" spans="1:53" s="2" customFormat="1" ht="13.5" customHeight="1">
      <c r="A2" s="11"/>
      <c r="B2" s="12"/>
      <c r="C2" s="12"/>
      <c r="D2" s="12"/>
    </row>
    <row r="3" spans="1:53" s="3" customFormat="1">
      <c r="A3" s="13"/>
      <c r="B3" s="14"/>
      <c r="C3" s="13"/>
      <c r="D3" s="15"/>
      <c r="E3" s="16"/>
      <c r="F3" s="16"/>
      <c r="G3" s="16"/>
      <c r="H3" s="16"/>
      <c r="I3" s="16"/>
      <c r="J3" s="16"/>
      <c r="K3" s="16"/>
      <c r="L3" s="16"/>
      <c r="M3" s="16"/>
      <c r="N3" s="16"/>
      <c r="O3" s="16"/>
      <c r="P3" s="16"/>
      <c r="Q3" s="16"/>
      <c r="R3" s="16"/>
      <c r="S3" s="16"/>
      <c r="T3" s="16"/>
      <c r="U3" s="16"/>
      <c r="V3" s="16"/>
      <c r="W3" s="16"/>
      <c r="X3" s="16"/>
      <c r="Y3" s="16"/>
      <c r="Z3" s="16"/>
      <c r="AA3" s="16"/>
      <c r="AB3" s="16"/>
      <c r="AC3" s="16"/>
      <c r="AD3" s="16"/>
      <c r="AE3" s="16"/>
      <c r="AF3" s="16"/>
      <c r="AG3" s="16"/>
      <c r="AH3" s="16"/>
      <c r="AI3" s="16"/>
      <c r="AJ3" s="16"/>
      <c r="AK3" s="16"/>
      <c r="AL3" s="16"/>
      <c r="AM3" s="16"/>
      <c r="AN3" s="16"/>
      <c r="AO3" s="16"/>
      <c r="AP3" s="16"/>
      <c r="AQ3" s="16"/>
      <c r="AR3" s="16"/>
      <c r="AS3" s="16"/>
      <c r="AT3" s="16"/>
      <c r="AU3" s="16"/>
      <c r="AV3" s="16"/>
      <c r="AW3" s="16"/>
      <c r="AX3" s="16"/>
      <c r="AY3" s="16"/>
      <c r="AZ3" s="16"/>
      <c r="BA3" s="16"/>
    </row>
    <row r="4" spans="1:53">
      <c r="A4" s="17" t="s">
        <v>91</v>
      </c>
      <c r="B4" s="18"/>
      <c r="C4" s="18"/>
      <c r="D4" s="19"/>
    </row>
    <row r="5" spans="1:53" s="3" customFormat="1">
      <c r="A5" s="13" t="s">
        <v>92</v>
      </c>
      <c r="B5" s="14"/>
      <c r="C5" s="13"/>
      <c r="D5" s="15"/>
      <c r="E5" s="16"/>
      <c r="F5" s="16"/>
      <c r="G5" s="16"/>
      <c r="H5" s="16"/>
      <c r="I5" s="16"/>
      <c r="J5" s="16"/>
      <c r="K5" s="16"/>
      <c r="L5" s="16"/>
      <c r="M5" s="16"/>
      <c r="N5" s="16"/>
      <c r="O5" s="16"/>
      <c r="P5" s="16"/>
      <c r="Q5" s="16"/>
      <c r="R5" s="16"/>
      <c r="S5" s="16"/>
      <c r="T5" s="16"/>
      <c r="U5" s="16"/>
      <c r="V5" s="16"/>
      <c r="W5" s="16"/>
      <c r="X5" s="16"/>
      <c r="Y5" s="16"/>
      <c r="Z5" s="16"/>
      <c r="AA5" s="16"/>
      <c r="AB5" s="16"/>
      <c r="AC5" s="16"/>
      <c r="AD5" s="16"/>
      <c r="AE5" s="16"/>
      <c r="AF5" s="16"/>
      <c r="AG5" s="16"/>
      <c r="AH5" s="16"/>
      <c r="AI5" s="16"/>
      <c r="AJ5" s="16"/>
      <c r="AK5" s="16"/>
      <c r="AL5" s="16"/>
      <c r="AM5" s="16"/>
      <c r="AN5" s="16"/>
      <c r="AO5" s="16"/>
      <c r="AP5" s="16"/>
      <c r="AQ5" s="16"/>
      <c r="AR5" s="16"/>
      <c r="AS5" s="16"/>
      <c r="AT5" s="16"/>
      <c r="AU5" s="16"/>
      <c r="AV5" s="16"/>
      <c r="AW5" s="16"/>
      <c r="AX5" s="16"/>
      <c r="AY5" s="16"/>
      <c r="AZ5" s="16"/>
      <c r="BA5" s="16"/>
    </row>
    <row r="6" spans="1:53" s="4" customFormat="1" ht="52" customHeight="1">
      <c r="A6" s="20" t="s">
        <v>93</v>
      </c>
      <c r="B6" s="21"/>
      <c r="C6" s="20" t="s">
        <v>94</v>
      </c>
      <c r="D6" s="22" t="s">
        <v>95</v>
      </c>
      <c r="E6" s="23" t="s">
        <v>96</v>
      </c>
      <c r="F6" s="24"/>
      <c r="G6" s="24"/>
      <c r="H6" s="24"/>
      <c r="I6" s="24"/>
      <c r="J6" s="24"/>
      <c r="K6" s="24"/>
      <c r="L6" s="24"/>
      <c r="M6" s="24"/>
      <c r="N6" s="24"/>
      <c r="O6" s="24"/>
      <c r="P6" s="24"/>
      <c r="Q6" s="24"/>
      <c r="R6" s="24"/>
      <c r="S6" s="24"/>
      <c r="T6" s="24"/>
      <c r="U6" s="24"/>
      <c r="V6" s="24"/>
      <c r="W6" s="24"/>
      <c r="X6" s="24"/>
      <c r="Y6" s="24"/>
      <c r="Z6" s="24"/>
      <c r="AA6" s="24"/>
      <c r="AB6" s="24"/>
      <c r="AC6" s="24"/>
      <c r="AD6" s="24"/>
      <c r="AE6" s="24"/>
      <c r="AF6" s="24"/>
      <c r="AG6" s="24"/>
      <c r="AH6" s="24"/>
      <c r="AI6" s="24"/>
      <c r="AJ6" s="24"/>
      <c r="AK6" s="24"/>
      <c r="AL6" s="24"/>
      <c r="AM6" s="24"/>
      <c r="AN6" s="24"/>
      <c r="AO6" s="24"/>
      <c r="AP6" s="24"/>
      <c r="AQ6" s="24"/>
      <c r="AR6" s="24"/>
      <c r="AS6" s="24"/>
      <c r="AT6" s="24"/>
      <c r="AU6" s="24"/>
      <c r="AV6" s="24"/>
      <c r="AW6" s="24"/>
      <c r="AX6" s="24"/>
      <c r="AY6" s="24"/>
      <c r="AZ6" s="24"/>
      <c r="BA6" s="24"/>
    </row>
    <row r="7" spans="1:53" s="4" customFormat="1" ht="52" customHeight="1">
      <c r="A7" s="20" t="s">
        <v>97</v>
      </c>
      <c r="B7" s="25"/>
      <c r="C7" s="20" t="s">
        <v>8</v>
      </c>
      <c r="D7" s="22" t="s">
        <v>98</v>
      </c>
      <c r="E7" s="23" t="s">
        <v>99</v>
      </c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  <c r="Y7" s="24"/>
      <c r="Z7" s="24"/>
      <c r="AA7" s="24"/>
      <c r="AB7" s="24"/>
      <c r="AC7" s="24"/>
      <c r="AD7" s="24"/>
      <c r="AE7" s="24"/>
      <c r="AF7" s="24"/>
      <c r="AG7" s="24"/>
      <c r="AH7" s="24"/>
      <c r="AI7" s="24"/>
      <c r="AJ7" s="24"/>
      <c r="AK7" s="24"/>
      <c r="AL7" s="24"/>
      <c r="AM7" s="24"/>
      <c r="AN7" s="24"/>
      <c r="AO7" s="24"/>
      <c r="AP7" s="24"/>
      <c r="AQ7" s="24"/>
      <c r="AR7" s="24"/>
      <c r="AS7" s="24"/>
      <c r="AT7" s="24"/>
      <c r="AU7" s="24"/>
      <c r="AV7" s="24"/>
      <c r="AW7" s="24"/>
      <c r="AX7" s="24"/>
      <c r="AY7" s="24"/>
      <c r="AZ7" s="24"/>
      <c r="BA7" s="24"/>
    </row>
    <row r="8" spans="1:53" ht="12.75" customHeight="1">
      <c r="A8" s="26"/>
      <c r="B8" s="26"/>
      <c r="C8" s="26"/>
      <c r="D8" s="27"/>
    </row>
    <row r="9" spans="1:53" s="5" customFormat="1" ht="52" customHeight="1">
      <c r="A9" s="28" t="s">
        <v>100</v>
      </c>
      <c r="B9" s="29"/>
      <c r="C9" s="28" t="s">
        <v>94</v>
      </c>
      <c r="D9" s="30" t="s">
        <v>101</v>
      </c>
      <c r="E9" s="31"/>
      <c r="F9" s="32"/>
      <c r="G9" s="32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  <c r="U9" s="32"/>
      <c r="V9" s="32"/>
      <c r="W9" s="32"/>
      <c r="X9" s="32"/>
      <c r="Y9" s="32"/>
      <c r="Z9" s="32"/>
      <c r="AA9" s="32"/>
      <c r="AB9" s="32"/>
      <c r="AC9" s="32"/>
      <c r="AD9" s="32"/>
      <c r="AE9" s="32"/>
      <c r="AF9" s="32"/>
      <c r="AG9" s="32"/>
      <c r="AH9" s="32"/>
      <c r="AI9" s="32"/>
      <c r="AJ9" s="32"/>
      <c r="AK9" s="32"/>
      <c r="AL9" s="32"/>
      <c r="AM9" s="32"/>
      <c r="AN9" s="32"/>
      <c r="AO9" s="32"/>
      <c r="AP9" s="32"/>
      <c r="AQ9" s="32"/>
      <c r="AR9" s="32"/>
      <c r="AS9" s="32"/>
      <c r="AT9" s="32"/>
      <c r="AU9" s="32"/>
      <c r="AV9" s="32"/>
      <c r="AW9" s="32"/>
      <c r="AX9" s="32"/>
      <c r="AY9" s="32"/>
      <c r="AZ9" s="32"/>
      <c r="BA9" s="32"/>
    </row>
    <row r="10" spans="1:53" s="5" customFormat="1" ht="52" customHeight="1">
      <c r="A10" s="28" t="s">
        <v>102</v>
      </c>
      <c r="B10" s="33"/>
      <c r="C10" s="28" t="s">
        <v>8</v>
      </c>
      <c r="D10" s="30" t="s">
        <v>103</v>
      </c>
      <c r="E10" s="32"/>
      <c r="F10" s="32"/>
      <c r="G10" s="32"/>
      <c r="H10" s="32"/>
      <c r="I10" s="32"/>
      <c r="J10" s="32"/>
      <c r="K10" s="32"/>
      <c r="L10" s="32"/>
      <c r="M10" s="32"/>
      <c r="N10" s="32"/>
      <c r="O10" s="32"/>
      <c r="P10" s="32"/>
      <c r="Q10" s="32"/>
      <c r="R10" s="32"/>
      <c r="S10" s="32"/>
      <c r="T10" s="32"/>
      <c r="U10" s="32"/>
      <c r="V10" s="32"/>
      <c r="W10" s="32"/>
      <c r="X10" s="32"/>
      <c r="Y10" s="32"/>
      <c r="Z10" s="32"/>
      <c r="AA10" s="32"/>
      <c r="AB10" s="32"/>
      <c r="AC10" s="32"/>
      <c r="AD10" s="32"/>
      <c r="AE10" s="32"/>
      <c r="AF10" s="32"/>
      <c r="AG10" s="32"/>
      <c r="AH10" s="32"/>
      <c r="AI10" s="32"/>
      <c r="AJ10" s="32"/>
      <c r="AK10" s="32"/>
      <c r="AL10" s="32"/>
      <c r="AM10" s="32"/>
      <c r="AN10" s="32"/>
      <c r="AO10" s="32"/>
      <c r="AP10" s="32"/>
      <c r="AQ10" s="32"/>
      <c r="AR10" s="32"/>
      <c r="AS10" s="32"/>
      <c r="AT10" s="32"/>
      <c r="AU10" s="32"/>
      <c r="AV10" s="32"/>
      <c r="AW10" s="32"/>
      <c r="AX10" s="32"/>
      <c r="AY10" s="32"/>
      <c r="AZ10" s="32"/>
      <c r="BA10" s="32"/>
    </row>
    <row r="11" spans="1:53" s="5" customFormat="1" ht="52" customHeight="1">
      <c r="A11" s="28" t="s">
        <v>104</v>
      </c>
      <c r="B11" s="29"/>
      <c r="C11" s="28" t="s">
        <v>94</v>
      </c>
      <c r="D11" s="30" t="s">
        <v>105</v>
      </c>
      <c r="E11" s="32"/>
      <c r="F11" s="32"/>
      <c r="G11" s="32"/>
      <c r="H11" s="32"/>
      <c r="I11" s="32"/>
      <c r="J11" s="32"/>
      <c r="K11" s="32"/>
      <c r="L11" s="32"/>
      <c r="M11" s="32"/>
      <c r="N11" s="32"/>
      <c r="O11" s="32"/>
      <c r="P11" s="32"/>
      <c r="Q11" s="32"/>
      <c r="R11" s="32"/>
      <c r="S11" s="32"/>
      <c r="T11" s="32"/>
      <c r="U11" s="32"/>
      <c r="V11" s="32"/>
      <c r="W11" s="32"/>
      <c r="X11" s="32"/>
      <c r="Y11" s="32"/>
      <c r="Z11" s="32"/>
      <c r="AA11" s="32"/>
      <c r="AB11" s="32"/>
      <c r="AC11" s="32"/>
      <c r="AD11" s="32"/>
      <c r="AE11" s="32"/>
      <c r="AF11" s="32"/>
      <c r="AG11" s="32"/>
      <c r="AH11" s="32"/>
      <c r="AI11" s="32"/>
      <c r="AJ11" s="32"/>
      <c r="AK11" s="32"/>
      <c r="AL11" s="32"/>
      <c r="AM11" s="32"/>
      <c r="AN11" s="32"/>
      <c r="AO11" s="32"/>
      <c r="AP11" s="32"/>
      <c r="AQ11" s="32"/>
      <c r="AR11" s="32"/>
      <c r="AS11" s="32"/>
      <c r="AT11" s="32"/>
      <c r="AU11" s="32"/>
      <c r="AV11" s="32"/>
      <c r="AW11" s="32"/>
      <c r="AX11" s="32"/>
      <c r="AY11" s="32"/>
      <c r="AZ11" s="32"/>
      <c r="BA11" s="32"/>
    </row>
    <row r="12" spans="1:53" s="5" customFormat="1" ht="52" customHeight="1">
      <c r="A12" s="28" t="s">
        <v>106</v>
      </c>
      <c r="B12" s="33"/>
      <c r="C12" s="28" t="s">
        <v>8</v>
      </c>
      <c r="D12" s="30" t="s">
        <v>107</v>
      </c>
      <c r="E12" s="32"/>
      <c r="F12" s="32"/>
      <c r="G12" s="32"/>
      <c r="H12" s="32"/>
      <c r="I12" s="32"/>
      <c r="J12" s="32"/>
      <c r="K12" s="32"/>
      <c r="L12" s="32"/>
      <c r="M12" s="32"/>
      <c r="N12" s="32"/>
      <c r="O12" s="32"/>
      <c r="P12" s="32"/>
      <c r="Q12" s="32"/>
      <c r="R12" s="32"/>
      <c r="S12" s="32"/>
      <c r="T12" s="32"/>
      <c r="U12" s="32"/>
      <c r="V12" s="32"/>
      <c r="W12" s="32"/>
      <c r="X12" s="32"/>
      <c r="Y12" s="32"/>
      <c r="Z12" s="32"/>
      <c r="AA12" s="32"/>
      <c r="AB12" s="32"/>
      <c r="AC12" s="32"/>
      <c r="AD12" s="32"/>
      <c r="AE12" s="32"/>
      <c r="AF12" s="32"/>
      <c r="AG12" s="32"/>
      <c r="AH12" s="32"/>
      <c r="AI12" s="32"/>
      <c r="AJ12" s="32"/>
      <c r="AK12" s="32"/>
      <c r="AL12" s="32"/>
      <c r="AM12" s="32"/>
      <c r="AN12" s="32"/>
      <c r="AO12" s="32"/>
      <c r="AP12" s="32"/>
      <c r="AQ12" s="32"/>
      <c r="AR12" s="32"/>
      <c r="AS12" s="32"/>
      <c r="AT12" s="32"/>
      <c r="AU12" s="32"/>
      <c r="AV12" s="32"/>
      <c r="AW12" s="32"/>
      <c r="AX12" s="32"/>
      <c r="AY12" s="32"/>
      <c r="AZ12" s="32"/>
      <c r="BA12" s="32"/>
    </row>
    <row r="13" spans="1:53" s="3" customFormat="1">
      <c r="A13" s="13" t="s">
        <v>108</v>
      </c>
      <c r="B13" s="14"/>
      <c r="C13" s="13"/>
      <c r="D13" s="15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6"/>
      <c r="AE13" s="16"/>
      <c r="AF13" s="16"/>
      <c r="AG13" s="16"/>
      <c r="AH13" s="16"/>
      <c r="AI13" s="16"/>
      <c r="AJ13" s="16"/>
      <c r="AK13" s="16"/>
      <c r="AL13" s="16"/>
      <c r="AM13" s="16"/>
      <c r="AN13" s="16"/>
      <c r="AO13" s="16"/>
      <c r="AP13" s="16"/>
      <c r="AQ13" s="16"/>
      <c r="AR13" s="16"/>
      <c r="AS13" s="16"/>
      <c r="AT13" s="16"/>
      <c r="AU13" s="16"/>
      <c r="AV13" s="16"/>
      <c r="AW13" s="16"/>
      <c r="AX13" s="16"/>
      <c r="AY13" s="16"/>
      <c r="AZ13" s="16"/>
      <c r="BA13" s="16"/>
    </row>
    <row r="14" spans="1:53" s="3" customFormat="1">
      <c r="A14" s="13"/>
      <c r="B14" s="14"/>
      <c r="C14" s="13"/>
      <c r="D14" s="15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16"/>
      <c r="W14" s="16"/>
      <c r="X14" s="16"/>
      <c r="Y14" s="16"/>
      <c r="Z14" s="16"/>
      <c r="AA14" s="16"/>
      <c r="AB14" s="16"/>
      <c r="AC14" s="16"/>
      <c r="AD14" s="16"/>
      <c r="AE14" s="16"/>
      <c r="AF14" s="16"/>
      <c r="AG14" s="16"/>
      <c r="AH14" s="16"/>
      <c r="AI14" s="16"/>
      <c r="AJ14" s="16"/>
      <c r="AK14" s="16"/>
      <c r="AL14" s="16"/>
      <c r="AM14" s="16"/>
      <c r="AN14" s="16"/>
      <c r="AO14" s="16"/>
      <c r="AP14" s="16"/>
      <c r="AQ14" s="16"/>
      <c r="AR14" s="16"/>
      <c r="AS14" s="16"/>
      <c r="AT14" s="16"/>
      <c r="AU14" s="16"/>
      <c r="AV14" s="16"/>
      <c r="AW14" s="16"/>
      <c r="AX14" s="16"/>
      <c r="AY14" s="16"/>
      <c r="AZ14" s="16"/>
      <c r="BA14" s="16"/>
    </row>
    <row r="15" spans="1:53" s="5" customFormat="1" ht="52" customHeight="1">
      <c r="A15" s="28" t="s">
        <v>109</v>
      </c>
      <c r="B15" s="29"/>
      <c r="C15" s="28" t="s">
        <v>94</v>
      </c>
      <c r="D15" s="30" t="s">
        <v>110</v>
      </c>
      <c r="E15" s="32"/>
      <c r="F15" s="32"/>
      <c r="G15" s="32"/>
      <c r="H15" s="3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32"/>
      <c r="Z15" s="32"/>
      <c r="AA15" s="32"/>
      <c r="AB15" s="32"/>
      <c r="AC15" s="32"/>
      <c r="AD15" s="32"/>
      <c r="AE15" s="32"/>
      <c r="AF15" s="32"/>
      <c r="AG15" s="32"/>
      <c r="AH15" s="32"/>
      <c r="AI15" s="32"/>
      <c r="AJ15" s="32"/>
      <c r="AK15" s="32"/>
      <c r="AL15" s="32"/>
      <c r="AM15" s="32"/>
      <c r="AN15" s="32"/>
      <c r="AO15" s="32"/>
      <c r="AP15" s="32"/>
      <c r="AQ15" s="32"/>
      <c r="AR15" s="32"/>
      <c r="AS15" s="32"/>
      <c r="AT15" s="32"/>
      <c r="AU15" s="32"/>
      <c r="AV15" s="32"/>
      <c r="AW15" s="32"/>
      <c r="AX15" s="32"/>
      <c r="AY15" s="32"/>
      <c r="AZ15" s="32"/>
      <c r="BA15" s="32"/>
    </row>
    <row r="16" spans="1:53" s="5" customFormat="1" ht="52" customHeight="1">
      <c r="A16" s="28" t="s">
        <v>111</v>
      </c>
      <c r="B16" s="33"/>
      <c r="C16" s="28" t="s">
        <v>8</v>
      </c>
      <c r="D16" s="30" t="s">
        <v>112</v>
      </c>
      <c r="E16" s="32"/>
      <c r="F16" s="32"/>
      <c r="G16" s="32"/>
      <c r="H16" s="32"/>
      <c r="I16" s="32"/>
      <c r="J16" s="32"/>
      <c r="K16" s="32"/>
      <c r="L16" s="32"/>
      <c r="M16" s="32"/>
      <c r="N16" s="32"/>
      <c r="O16" s="32"/>
      <c r="P16" s="32"/>
      <c r="Q16" s="32"/>
      <c r="R16" s="32"/>
      <c r="S16" s="32"/>
      <c r="T16" s="32"/>
      <c r="U16" s="32"/>
      <c r="V16" s="32"/>
      <c r="W16" s="32"/>
      <c r="X16" s="32"/>
      <c r="Y16" s="32"/>
      <c r="Z16" s="32"/>
      <c r="AA16" s="32"/>
      <c r="AB16" s="32"/>
      <c r="AC16" s="32"/>
      <c r="AD16" s="32"/>
      <c r="AE16" s="32"/>
      <c r="AF16" s="32"/>
      <c r="AG16" s="32"/>
      <c r="AH16" s="32"/>
      <c r="AI16" s="32"/>
      <c r="AJ16" s="32"/>
      <c r="AK16" s="32"/>
      <c r="AL16" s="32"/>
      <c r="AM16" s="32"/>
      <c r="AN16" s="32"/>
      <c r="AO16" s="32"/>
      <c r="AP16" s="32"/>
      <c r="AQ16" s="32"/>
      <c r="AR16" s="32"/>
      <c r="AS16" s="32"/>
      <c r="AT16" s="32"/>
      <c r="AU16" s="32"/>
      <c r="AV16" s="32"/>
      <c r="AW16" s="32"/>
      <c r="AX16" s="32"/>
      <c r="AY16" s="32"/>
      <c r="AZ16" s="32"/>
      <c r="BA16" s="32"/>
    </row>
    <row r="17" spans="1:53" s="5" customFormat="1" ht="52" customHeight="1">
      <c r="A17" s="28" t="s">
        <v>113</v>
      </c>
      <c r="B17" s="29"/>
      <c r="C17" s="28" t="s">
        <v>94</v>
      </c>
      <c r="D17" s="30" t="s">
        <v>114</v>
      </c>
      <c r="E17" s="32"/>
      <c r="F17" s="32"/>
      <c r="G17" s="32"/>
      <c r="H17" s="32"/>
      <c r="I17" s="32"/>
      <c r="J17" s="32"/>
      <c r="K17" s="32"/>
      <c r="L17" s="32"/>
      <c r="M17" s="32"/>
      <c r="N17" s="32"/>
      <c r="O17" s="32"/>
      <c r="P17" s="32"/>
      <c r="Q17" s="32"/>
      <c r="R17" s="32"/>
      <c r="S17" s="32"/>
      <c r="T17" s="32"/>
      <c r="U17" s="32"/>
      <c r="V17" s="32"/>
      <c r="W17" s="32"/>
      <c r="X17" s="32"/>
      <c r="Y17" s="32"/>
      <c r="Z17" s="32"/>
      <c r="AA17" s="32"/>
      <c r="AB17" s="32"/>
      <c r="AC17" s="32"/>
      <c r="AD17" s="32"/>
      <c r="AE17" s="32"/>
      <c r="AF17" s="32"/>
      <c r="AG17" s="32"/>
      <c r="AH17" s="32"/>
      <c r="AI17" s="32"/>
      <c r="AJ17" s="32"/>
      <c r="AK17" s="32"/>
      <c r="AL17" s="32"/>
      <c r="AM17" s="32"/>
      <c r="AN17" s="32"/>
      <c r="AO17" s="32"/>
      <c r="AP17" s="32"/>
      <c r="AQ17" s="32"/>
      <c r="AR17" s="32"/>
      <c r="AS17" s="32"/>
      <c r="AT17" s="32"/>
      <c r="AU17" s="32"/>
      <c r="AV17" s="32"/>
      <c r="AW17" s="32"/>
      <c r="AX17" s="32"/>
      <c r="AY17" s="32"/>
      <c r="AZ17" s="32"/>
      <c r="BA17" s="32"/>
    </row>
    <row r="18" spans="1:53" s="5" customFormat="1" ht="52" customHeight="1">
      <c r="A18" s="28" t="s">
        <v>113</v>
      </c>
      <c r="B18" s="33"/>
      <c r="C18" s="28" t="s">
        <v>8</v>
      </c>
      <c r="D18" s="30" t="s">
        <v>115</v>
      </c>
      <c r="E18" s="32"/>
      <c r="F18" s="32"/>
      <c r="G18" s="32"/>
      <c r="H18" s="32"/>
      <c r="I18" s="32"/>
      <c r="J18" s="32"/>
      <c r="K18" s="32"/>
      <c r="L18" s="32"/>
      <c r="M18" s="32"/>
      <c r="N18" s="32"/>
      <c r="O18" s="32"/>
      <c r="P18" s="32"/>
      <c r="Q18" s="32"/>
      <c r="R18" s="32"/>
      <c r="S18" s="32"/>
      <c r="T18" s="32"/>
      <c r="U18" s="32"/>
      <c r="V18" s="32"/>
      <c r="W18" s="32"/>
      <c r="X18" s="32"/>
      <c r="Y18" s="32"/>
      <c r="Z18" s="32"/>
      <c r="AA18" s="32"/>
      <c r="AB18" s="32"/>
      <c r="AC18" s="32"/>
      <c r="AD18" s="32"/>
      <c r="AE18" s="32"/>
      <c r="AF18" s="32"/>
      <c r="AG18" s="32"/>
      <c r="AH18" s="32"/>
      <c r="AI18" s="32"/>
      <c r="AJ18" s="32"/>
      <c r="AK18" s="32"/>
      <c r="AL18" s="32"/>
      <c r="AM18" s="32"/>
      <c r="AN18" s="32"/>
      <c r="AO18" s="32"/>
      <c r="AP18" s="32"/>
      <c r="AQ18" s="32"/>
      <c r="AR18" s="32"/>
      <c r="AS18" s="32"/>
      <c r="AT18" s="32"/>
      <c r="AU18" s="32"/>
      <c r="AV18" s="32"/>
      <c r="AW18" s="32"/>
      <c r="AX18" s="32"/>
      <c r="AY18" s="32"/>
      <c r="AZ18" s="32"/>
      <c r="BA18" s="32"/>
    </row>
    <row r="19" spans="1:53" s="3" customFormat="1">
      <c r="A19" s="13"/>
      <c r="B19" s="14"/>
      <c r="C19" s="13"/>
      <c r="D19" s="15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6"/>
      <c r="AG19" s="16"/>
      <c r="AH19" s="16"/>
      <c r="AI19" s="16"/>
      <c r="AJ19" s="16"/>
      <c r="AK19" s="16"/>
      <c r="AL19" s="16"/>
      <c r="AM19" s="16"/>
      <c r="AN19" s="16"/>
      <c r="AO19" s="16"/>
      <c r="AP19" s="16"/>
      <c r="AQ19" s="16"/>
      <c r="AR19" s="16"/>
      <c r="AS19" s="16"/>
      <c r="AT19" s="16"/>
      <c r="AU19" s="16"/>
      <c r="AV19" s="16"/>
      <c r="AW19" s="16"/>
      <c r="AX19" s="16"/>
      <c r="AY19" s="16"/>
      <c r="AZ19" s="16"/>
      <c r="BA19" s="16"/>
    </row>
    <row r="20" spans="1:53" s="4" customFormat="1" ht="52" customHeight="1">
      <c r="A20" s="20" t="s">
        <v>116</v>
      </c>
      <c r="B20" s="21"/>
      <c r="C20" s="20" t="s">
        <v>94</v>
      </c>
      <c r="D20" s="22" t="s">
        <v>117</v>
      </c>
      <c r="E20" s="23" t="s">
        <v>118</v>
      </c>
      <c r="F20" s="24"/>
      <c r="G20" s="24"/>
      <c r="H20" s="24"/>
      <c r="I20" s="24"/>
      <c r="J20" s="24"/>
      <c r="K20" s="24"/>
      <c r="L20" s="24"/>
      <c r="M20" s="24"/>
      <c r="N20" s="24"/>
      <c r="O20" s="24"/>
      <c r="P20" s="24"/>
      <c r="Q20" s="24"/>
      <c r="R20" s="24"/>
      <c r="S20" s="24"/>
      <c r="T20" s="24"/>
      <c r="U20" s="24"/>
      <c r="V20" s="24"/>
      <c r="W20" s="24"/>
      <c r="X20" s="24"/>
      <c r="Y20" s="24"/>
      <c r="Z20" s="24"/>
      <c r="AA20" s="24"/>
      <c r="AB20" s="24"/>
      <c r="AC20" s="24"/>
      <c r="AD20" s="24"/>
      <c r="AE20" s="24"/>
      <c r="AF20" s="24"/>
      <c r="AG20" s="24"/>
      <c r="AH20" s="24"/>
      <c r="AI20" s="24"/>
      <c r="AJ20" s="24"/>
      <c r="AK20" s="24"/>
      <c r="AL20" s="24"/>
      <c r="AM20" s="24"/>
      <c r="AN20" s="24"/>
      <c r="AO20" s="24"/>
      <c r="AP20" s="24"/>
      <c r="AQ20" s="24"/>
      <c r="AR20" s="24"/>
      <c r="AS20" s="24"/>
      <c r="AT20" s="24"/>
      <c r="AU20" s="24"/>
      <c r="AV20" s="24"/>
      <c r="AW20" s="24"/>
      <c r="AX20" s="24"/>
      <c r="AY20" s="24"/>
      <c r="AZ20" s="24"/>
      <c r="BA20" s="24"/>
    </row>
    <row r="21" spans="1:53" s="4" customFormat="1" ht="52" customHeight="1">
      <c r="A21" s="20" t="s">
        <v>119</v>
      </c>
      <c r="B21" s="25"/>
      <c r="C21" s="20" t="s">
        <v>8</v>
      </c>
      <c r="D21" s="22" t="s">
        <v>120</v>
      </c>
      <c r="E21" s="23" t="s">
        <v>121</v>
      </c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4"/>
      <c r="AK21" s="24"/>
      <c r="AL21" s="24"/>
      <c r="AM21" s="24"/>
      <c r="AN21" s="24"/>
      <c r="AO21" s="24"/>
      <c r="AP21" s="24"/>
      <c r="AQ21" s="24"/>
      <c r="AR21" s="24"/>
      <c r="AS21" s="24"/>
      <c r="AT21" s="24"/>
      <c r="AU21" s="24"/>
      <c r="AV21" s="24"/>
      <c r="AW21" s="24"/>
      <c r="AX21" s="24"/>
      <c r="AY21" s="24"/>
      <c r="AZ21" s="24"/>
      <c r="BA21" s="24"/>
    </row>
    <row r="22" spans="1:53" s="5" customFormat="1" ht="52" customHeight="1">
      <c r="A22" s="28" t="s">
        <v>122</v>
      </c>
      <c r="B22" s="29"/>
      <c r="C22" s="28" t="s">
        <v>94</v>
      </c>
      <c r="D22" s="30" t="s">
        <v>123</v>
      </c>
      <c r="E22" s="32"/>
      <c r="F22" s="32"/>
      <c r="G22" s="32"/>
      <c r="H22" s="32"/>
      <c r="I22" s="32"/>
      <c r="J22" s="32"/>
      <c r="K22" s="32"/>
      <c r="L22" s="3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2"/>
      <c r="Z22" s="32"/>
      <c r="AA22" s="32"/>
      <c r="AB22" s="32"/>
      <c r="AC22" s="32"/>
      <c r="AD22" s="32"/>
      <c r="AE22" s="32"/>
      <c r="AF22" s="32"/>
      <c r="AG22" s="32"/>
      <c r="AH22" s="32"/>
      <c r="AI22" s="32"/>
      <c r="AJ22" s="32"/>
      <c r="AK22" s="32"/>
      <c r="AL22" s="32"/>
      <c r="AM22" s="32"/>
      <c r="AN22" s="32"/>
      <c r="AO22" s="32"/>
      <c r="AP22" s="32"/>
      <c r="AQ22" s="32"/>
      <c r="AR22" s="32"/>
      <c r="AS22" s="32"/>
      <c r="AT22" s="32"/>
      <c r="AU22" s="32"/>
      <c r="AV22" s="32"/>
      <c r="AW22" s="32"/>
      <c r="AX22" s="32"/>
      <c r="AY22" s="32"/>
      <c r="AZ22" s="32"/>
      <c r="BA22" s="32"/>
    </row>
    <row r="23" spans="1:53" s="5" customFormat="1" ht="52" customHeight="1">
      <c r="A23" s="28" t="s">
        <v>124</v>
      </c>
      <c r="B23" s="29"/>
      <c r="C23" s="28" t="s">
        <v>8</v>
      </c>
      <c r="D23" s="30" t="s">
        <v>125</v>
      </c>
      <c r="E23" s="32"/>
      <c r="F23" s="32"/>
      <c r="G23" s="32"/>
      <c r="H23" s="32"/>
      <c r="I23" s="32"/>
      <c r="J23" s="32"/>
      <c r="K23" s="32"/>
      <c r="L23" s="32"/>
      <c r="M23" s="32"/>
      <c r="N23" s="32"/>
      <c r="O23" s="32"/>
      <c r="P23" s="32"/>
      <c r="Q23" s="32"/>
      <c r="R23" s="32"/>
      <c r="S23" s="32"/>
      <c r="T23" s="32"/>
      <c r="U23" s="32"/>
      <c r="V23" s="32"/>
      <c r="W23" s="32"/>
      <c r="X23" s="32"/>
      <c r="Y23" s="32"/>
      <c r="Z23" s="32"/>
      <c r="AA23" s="32"/>
      <c r="AB23" s="32"/>
      <c r="AC23" s="32"/>
      <c r="AD23" s="32"/>
      <c r="AE23" s="32"/>
      <c r="AF23" s="32"/>
      <c r="AG23" s="32"/>
      <c r="AH23" s="32"/>
      <c r="AI23" s="32"/>
      <c r="AJ23" s="32"/>
      <c r="AK23" s="32"/>
      <c r="AL23" s="32"/>
      <c r="AM23" s="32"/>
      <c r="AN23" s="32"/>
      <c r="AO23" s="32"/>
      <c r="AP23" s="32"/>
      <c r="AQ23" s="32"/>
      <c r="AR23" s="32"/>
      <c r="AS23" s="32"/>
      <c r="AT23" s="32"/>
      <c r="AU23" s="32"/>
      <c r="AV23" s="32"/>
      <c r="AW23" s="32"/>
      <c r="AX23" s="32"/>
      <c r="AY23" s="32"/>
      <c r="AZ23" s="32"/>
      <c r="BA23" s="32"/>
    </row>
    <row r="24" spans="1:53" s="5" customFormat="1" ht="52" customHeight="1">
      <c r="A24" s="28" t="s">
        <v>126</v>
      </c>
      <c r="B24" s="29"/>
      <c r="C24" s="28" t="s">
        <v>94</v>
      </c>
      <c r="D24" s="30" t="s">
        <v>127</v>
      </c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2"/>
      <c r="T24" s="32"/>
      <c r="U24" s="32"/>
      <c r="V24" s="32"/>
      <c r="W24" s="32"/>
      <c r="X24" s="32"/>
      <c r="Y24" s="32"/>
      <c r="Z24" s="32"/>
      <c r="AA24" s="32"/>
      <c r="AB24" s="32"/>
      <c r="AC24" s="32"/>
      <c r="AD24" s="32"/>
      <c r="AE24" s="32"/>
      <c r="AF24" s="32"/>
      <c r="AG24" s="32"/>
      <c r="AH24" s="32"/>
      <c r="AI24" s="32"/>
      <c r="AJ24" s="32"/>
      <c r="AK24" s="32"/>
      <c r="AL24" s="32"/>
      <c r="AM24" s="32"/>
      <c r="AN24" s="32"/>
      <c r="AO24" s="32"/>
      <c r="AP24" s="32"/>
      <c r="AQ24" s="32"/>
      <c r="AR24" s="32"/>
      <c r="AS24" s="32"/>
      <c r="AT24" s="32"/>
      <c r="AU24" s="32"/>
      <c r="AV24" s="32"/>
      <c r="AW24" s="32"/>
      <c r="AX24" s="32"/>
      <c r="AY24" s="32"/>
      <c r="AZ24" s="32"/>
      <c r="BA24" s="32"/>
    </row>
    <row r="25" spans="1:53" s="5" customFormat="1" ht="52" customHeight="1">
      <c r="A25" s="28" t="s">
        <v>128</v>
      </c>
      <c r="B25" s="29"/>
      <c r="C25" s="28" t="s">
        <v>8</v>
      </c>
      <c r="D25" s="30" t="s">
        <v>129</v>
      </c>
      <c r="E25" s="32"/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S25" s="32"/>
      <c r="T25" s="32"/>
      <c r="U25" s="32"/>
      <c r="V25" s="32"/>
      <c r="W25" s="32"/>
      <c r="X25" s="32"/>
      <c r="Y25" s="32"/>
      <c r="Z25" s="32"/>
      <c r="AA25" s="32"/>
      <c r="AB25" s="32"/>
      <c r="AC25" s="32"/>
      <c r="AD25" s="32"/>
      <c r="AE25" s="32"/>
      <c r="AF25" s="32"/>
      <c r="AG25" s="32"/>
      <c r="AH25" s="32"/>
      <c r="AI25" s="32"/>
      <c r="AJ25" s="32"/>
      <c r="AK25" s="32"/>
      <c r="AL25" s="32"/>
      <c r="AM25" s="32"/>
      <c r="AN25" s="32"/>
      <c r="AO25" s="32"/>
      <c r="AP25" s="32"/>
      <c r="AQ25" s="32"/>
      <c r="AR25" s="32"/>
      <c r="AS25" s="32"/>
      <c r="AT25" s="32"/>
      <c r="AU25" s="32"/>
      <c r="AV25" s="32"/>
      <c r="AW25" s="32"/>
      <c r="AX25" s="32"/>
      <c r="AY25" s="32"/>
      <c r="AZ25" s="32"/>
      <c r="BA25" s="32"/>
    </row>
    <row r="26" spans="1:53" s="3" customFormat="1">
      <c r="A26" s="13"/>
      <c r="B26" s="14"/>
      <c r="C26" s="13"/>
      <c r="D26" s="15"/>
      <c r="E26" s="16"/>
      <c r="F26" s="16"/>
      <c r="G26" s="16"/>
      <c r="H26" s="16"/>
      <c r="I26" s="16"/>
      <c r="J26" s="16"/>
      <c r="K26" s="16"/>
      <c r="L26" s="16"/>
      <c r="M26" s="16"/>
      <c r="N26" s="16"/>
      <c r="O26" s="16"/>
      <c r="P26" s="16"/>
      <c r="Q26" s="16"/>
      <c r="R26" s="16"/>
      <c r="S26" s="16"/>
      <c r="T26" s="16"/>
      <c r="U26" s="16"/>
      <c r="V26" s="16"/>
      <c r="W26" s="16"/>
      <c r="X26" s="16"/>
      <c r="Y26" s="16"/>
      <c r="Z26" s="16"/>
      <c r="AA26" s="16"/>
      <c r="AB26" s="16"/>
      <c r="AC26" s="16"/>
      <c r="AD26" s="16"/>
      <c r="AE26" s="16"/>
      <c r="AF26" s="16"/>
      <c r="AG26" s="16"/>
      <c r="AH26" s="16"/>
      <c r="AI26" s="16"/>
      <c r="AJ26" s="16"/>
      <c r="AK26" s="16"/>
      <c r="AL26" s="16"/>
      <c r="AM26" s="16"/>
      <c r="AN26" s="16"/>
      <c r="AO26" s="16"/>
      <c r="AP26" s="16"/>
      <c r="AQ26" s="16"/>
      <c r="AR26" s="16"/>
      <c r="AS26" s="16"/>
      <c r="AT26" s="16"/>
      <c r="AU26" s="16"/>
      <c r="AV26" s="16"/>
      <c r="AW26" s="16"/>
      <c r="AX26" s="16"/>
      <c r="AY26" s="16"/>
      <c r="AZ26" s="16"/>
      <c r="BA26" s="16"/>
    </row>
    <row r="27" spans="1:53" s="5" customFormat="1" ht="52" customHeight="1">
      <c r="A27" s="34" t="s">
        <v>130</v>
      </c>
      <c r="B27" s="35"/>
      <c r="C27" s="28" t="s">
        <v>94</v>
      </c>
      <c r="D27" s="30" t="s">
        <v>131</v>
      </c>
      <c r="E27" s="32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2"/>
      <c r="T27" s="32"/>
      <c r="U27" s="32"/>
      <c r="V27" s="32"/>
      <c r="W27" s="32"/>
      <c r="X27" s="32"/>
      <c r="Y27" s="32"/>
      <c r="Z27" s="32"/>
      <c r="AA27" s="32"/>
      <c r="AB27" s="32"/>
      <c r="AC27" s="32"/>
      <c r="AD27" s="32"/>
      <c r="AE27" s="32"/>
      <c r="AF27" s="32"/>
      <c r="AG27" s="32"/>
      <c r="AH27" s="32"/>
      <c r="AI27" s="32"/>
      <c r="AJ27" s="32"/>
      <c r="AK27" s="32"/>
      <c r="AL27" s="32"/>
      <c r="AM27" s="32"/>
      <c r="AN27" s="32"/>
      <c r="AO27" s="32"/>
      <c r="AP27" s="32"/>
      <c r="AQ27" s="32"/>
      <c r="AR27" s="32"/>
      <c r="AS27" s="32"/>
      <c r="AT27" s="32"/>
      <c r="AU27" s="32"/>
      <c r="AV27" s="32"/>
      <c r="AW27" s="32"/>
      <c r="AX27" s="32"/>
      <c r="AY27" s="32"/>
      <c r="AZ27" s="32"/>
      <c r="BA27" s="32"/>
    </row>
    <row r="28" spans="1:53" s="5" customFormat="1" ht="52" customHeight="1">
      <c r="A28" s="34" t="s">
        <v>132</v>
      </c>
      <c r="B28" s="35"/>
      <c r="C28" s="28" t="s">
        <v>8</v>
      </c>
      <c r="D28" s="30" t="s">
        <v>133</v>
      </c>
      <c r="E28" s="32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2"/>
      <c r="U28" s="32"/>
      <c r="V28" s="32"/>
      <c r="W28" s="32"/>
      <c r="X28" s="32"/>
      <c r="Y28" s="32"/>
      <c r="Z28" s="32"/>
      <c r="AA28" s="32"/>
      <c r="AB28" s="32"/>
      <c r="AC28" s="32"/>
      <c r="AD28" s="32"/>
      <c r="AE28" s="32"/>
      <c r="AF28" s="32"/>
      <c r="AG28" s="32"/>
      <c r="AH28" s="32"/>
      <c r="AI28" s="32"/>
      <c r="AJ28" s="32"/>
      <c r="AK28" s="32"/>
      <c r="AL28" s="32"/>
      <c r="AM28" s="32"/>
      <c r="AN28" s="32"/>
      <c r="AO28" s="32"/>
      <c r="AP28" s="32"/>
      <c r="AQ28" s="32"/>
      <c r="AR28" s="32"/>
      <c r="AS28" s="32"/>
      <c r="AT28" s="32"/>
      <c r="AU28" s="32"/>
      <c r="AV28" s="32"/>
      <c r="AW28" s="32"/>
      <c r="AX28" s="32"/>
      <c r="AY28" s="32"/>
      <c r="AZ28" s="32"/>
      <c r="BA28" s="32"/>
    </row>
    <row r="29" spans="1:53" s="3" customFormat="1">
      <c r="A29" s="13"/>
      <c r="B29" s="14"/>
      <c r="C29" s="13"/>
      <c r="D29" s="15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6"/>
      <c r="Q29" s="16"/>
      <c r="R29" s="16"/>
      <c r="S29" s="16"/>
      <c r="T29" s="16"/>
      <c r="U29" s="16"/>
      <c r="V29" s="16"/>
      <c r="W29" s="16"/>
      <c r="X29" s="16"/>
      <c r="Y29" s="16"/>
      <c r="Z29" s="16"/>
      <c r="AA29" s="16"/>
      <c r="AB29" s="16"/>
      <c r="AC29" s="16"/>
      <c r="AD29" s="16"/>
      <c r="AE29" s="16"/>
      <c r="AF29" s="16"/>
      <c r="AG29" s="16"/>
      <c r="AH29" s="16"/>
      <c r="AI29" s="16"/>
      <c r="AJ29" s="16"/>
      <c r="AK29" s="16"/>
      <c r="AL29" s="16"/>
      <c r="AM29" s="16"/>
      <c r="AN29" s="16"/>
      <c r="AO29" s="16"/>
      <c r="AP29" s="16"/>
      <c r="AQ29" s="16"/>
      <c r="AR29" s="16"/>
      <c r="AS29" s="16"/>
      <c r="AT29" s="16"/>
      <c r="AU29" s="16"/>
      <c r="AV29" s="16"/>
      <c r="AW29" s="16"/>
      <c r="AX29" s="16"/>
      <c r="AY29" s="16"/>
      <c r="AZ29" s="16"/>
      <c r="BA29" s="16"/>
    </row>
    <row r="30" spans="1:53" s="5" customFormat="1" ht="52" customHeight="1">
      <c r="A30" s="28" t="s">
        <v>134</v>
      </c>
      <c r="B30" s="29"/>
      <c r="C30" s="28" t="s">
        <v>94</v>
      </c>
      <c r="D30" s="30" t="s">
        <v>135</v>
      </c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2"/>
      <c r="V30" s="32"/>
      <c r="W30" s="32"/>
      <c r="X30" s="32"/>
      <c r="Y30" s="32"/>
      <c r="Z30" s="32"/>
      <c r="AA30" s="32"/>
      <c r="AB30" s="32"/>
      <c r="AC30" s="32"/>
      <c r="AD30" s="32"/>
      <c r="AE30" s="32"/>
      <c r="AF30" s="32"/>
      <c r="AG30" s="32"/>
      <c r="AH30" s="32"/>
      <c r="AI30" s="32"/>
      <c r="AJ30" s="32"/>
      <c r="AK30" s="32"/>
      <c r="AL30" s="32"/>
      <c r="AM30" s="32"/>
      <c r="AN30" s="32"/>
      <c r="AO30" s="32"/>
      <c r="AP30" s="32"/>
      <c r="AQ30" s="32"/>
      <c r="AR30" s="32"/>
      <c r="AS30" s="32"/>
      <c r="AT30" s="32"/>
      <c r="AU30" s="32"/>
      <c r="AV30" s="32"/>
      <c r="AW30" s="32"/>
      <c r="AX30" s="32"/>
      <c r="AY30" s="32"/>
      <c r="AZ30" s="32"/>
      <c r="BA30" s="32"/>
    </row>
    <row r="31" spans="1:53" s="5" customFormat="1" ht="52" customHeight="1">
      <c r="A31" s="28" t="s">
        <v>136</v>
      </c>
      <c r="B31" s="29"/>
      <c r="C31" s="28" t="s">
        <v>8</v>
      </c>
      <c r="D31" s="30" t="s">
        <v>137</v>
      </c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  <c r="Z31" s="32"/>
      <c r="AA31" s="32"/>
      <c r="AB31" s="32"/>
      <c r="AC31" s="32"/>
      <c r="AD31" s="32"/>
      <c r="AE31" s="32"/>
      <c r="AF31" s="32"/>
      <c r="AG31" s="32"/>
      <c r="AH31" s="32"/>
      <c r="AI31" s="32"/>
      <c r="AJ31" s="32"/>
      <c r="AK31" s="32"/>
      <c r="AL31" s="32"/>
      <c r="AM31" s="32"/>
      <c r="AN31" s="32"/>
      <c r="AO31" s="32"/>
      <c r="AP31" s="32"/>
      <c r="AQ31" s="32"/>
      <c r="AR31" s="32"/>
      <c r="AS31" s="32"/>
      <c r="AT31" s="32"/>
      <c r="AU31" s="32"/>
      <c r="AV31" s="32"/>
      <c r="AW31" s="32"/>
      <c r="AX31" s="32"/>
      <c r="AY31" s="32"/>
      <c r="AZ31" s="32"/>
      <c r="BA31" s="32"/>
    </row>
    <row r="32" spans="1:53" s="5" customFormat="1" ht="52" customHeight="1">
      <c r="A32" s="28" t="s">
        <v>138</v>
      </c>
      <c r="B32" s="29"/>
      <c r="C32" s="28" t="s">
        <v>94</v>
      </c>
      <c r="D32" s="30" t="s">
        <v>139</v>
      </c>
      <c r="E32" s="32"/>
      <c r="F32" s="32"/>
      <c r="G32" s="32"/>
      <c r="H32" s="32"/>
      <c r="I32" s="32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  <c r="Z32" s="32"/>
      <c r="AA32" s="32"/>
      <c r="AB32" s="32"/>
      <c r="AC32" s="32"/>
      <c r="AD32" s="32"/>
      <c r="AE32" s="32"/>
      <c r="AF32" s="32"/>
      <c r="AG32" s="32"/>
      <c r="AH32" s="32"/>
      <c r="AI32" s="32"/>
      <c r="AJ32" s="32"/>
      <c r="AK32" s="32"/>
      <c r="AL32" s="32"/>
      <c r="AM32" s="32"/>
      <c r="AN32" s="32"/>
      <c r="AO32" s="32"/>
      <c r="AP32" s="32"/>
      <c r="AQ32" s="32"/>
      <c r="AR32" s="32"/>
      <c r="AS32" s="32"/>
      <c r="AT32" s="32"/>
      <c r="AU32" s="32"/>
      <c r="AV32" s="32"/>
      <c r="AW32" s="32"/>
      <c r="AX32" s="32"/>
      <c r="AY32" s="32"/>
      <c r="AZ32" s="32"/>
      <c r="BA32" s="32"/>
    </row>
    <row r="33" spans="1:53" s="5" customFormat="1" ht="52" customHeight="1">
      <c r="A33" s="28" t="s">
        <v>140</v>
      </c>
      <c r="B33" s="29"/>
      <c r="C33" s="28" t="s">
        <v>8</v>
      </c>
      <c r="D33" s="30" t="s">
        <v>141</v>
      </c>
      <c r="E33" s="32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32"/>
      <c r="T33" s="32"/>
      <c r="U33" s="32"/>
      <c r="V33" s="32"/>
      <c r="W33" s="32"/>
      <c r="X33" s="32"/>
      <c r="Y33" s="32"/>
      <c r="Z33" s="32"/>
      <c r="AA33" s="32"/>
      <c r="AB33" s="32"/>
      <c r="AC33" s="32"/>
      <c r="AD33" s="32"/>
      <c r="AE33" s="32"/>
      <c r="AF33" s="32"/>
      <c r="AG33" s="32"/>
      <c r="AH33" s="32"/>
      <c r="AI33" s="32"/>
      <c r="AJ33" s="32"/>
      <c r="AK33" s="32"/>
      <c r="AL33" s="32"/>
      <c r="AM33" s="32"/>
      <c r="AN33" s="32"/>
      <c r="AO33" s="32"/>
      <c r="AP33" s="32"/>
      <c r="AQ33" s="32"/>
      <c r="AR33" s="32"/>
      <c r="AS33" s="32"/>
      <c r="AT33" s="32"/>
      <c r="AU33" s="32"/>
      <c r="AV33" s="32"/>
      <c r="AW33" s="32"/>
      <c r="AX33" s="32"/>
      <c r="AY33" s="32"/>
      <c r="AZ33" s="32"/>
      <c r="BA33" s="32"/>
    </row>
    <row r="34" spans="1:53">
      <c r="A34" s="13" t="s">
        <v>142</v>
      </c>
    </row>
    <row r="35" spans="1:53" s="5" customFormat="1" ht="52" customHeight="1">
      <c r="A35" s="28" t="s">
        <v>143</v>
      </c>
      <c r="B35" s="29"/>
      <c r="C35" s="28" t="s">
        <v>94</v>
      </c>
      <c r="D35" s="30" t="s">
        <v>144</v>
      </c>
      <c r="E35" s="31"/>
      <c r="F35" s="32"/>
      <c r="G35" s="32"/>
      <c r="H35" s="32"/>
      <c r="I35" s="32"/>
      <c r="J35" s="32"/>
      <c r="K35" s="32"/>
      <c r="L35" s="32"/>
      <c r="M35" s="32"/>
      <c r="N35" s="32"/>
      <c r="O35" s="32"/>
      <c r="P35" s="32"/>
      <c r="Q35" s="32"/>
      <c r="R35" s="32"/>
      <c r="S35" s="32"/>
      <c r="T35" s="32"/>
      <c r="U35" s="32"/>
      <c r="V35" s="32"/>
      <c r="W35" s="32"/>
      <c r="X35" s="32"/>
      <c r="Y35" s="32"/>
      <c r="Z35" s="32"/>
      <c r="AA35" s="32"/>
      <c r="AB35" s="32"/>
      <c r="AC35" s="32"/>
      <c r="AD35" s="32"/>
      <c r="AE35" s="32"/>
      <c r="AF35" s="32"/>
      <c r="AG35" s="32"/>
      <c r="AH35" s="32"/>
      <c r="AI35" s="32"/>
      <c r="AJ35" s="32"/>
      <c r="AK35" s="32"/>
      <c r="AL35" s="32"/>
      <c r="AM35" s="32"/>
      <c r="AN35" s="32"/>
      <c r="AO35" s="32"/>
      <c r="AP35" s="32"/>
      <c r="AQ35" s="32"/>
      <c r="AR35" s="32"/>
      <c r="AS35" s="32"/>
      <c r="AT35" s="32"/>
      <c r="AU35" s="32"/>
      <c r="AV35" s="32"/>
      <c r="AW35" s="32"/>
      <c r="AX35" s="32"/>
      <c r="AY35" s="32"/>
      <c r="AZ35" s="32"/>
      <c r="BA35" s="32"/>
    </row>
    <row r="36" spans="1:53" s="5" customFormat="1" ht="52" customHeight="1">
      <c r="A36" s="28" t="s">
        <v>145</v>
      </c>
      <c r="B36" s="33"/>
      <c r="C36" s="28" t="s">
        <v>8</v>
      </c>
      <c r="D36" s="30" t="s">
        <v>146</v>
      </c>
      <c r="E36" s="32"/>
      <c r="F36" s="32"/>
      <c r="G36" s="32"/>
      <c r="H36" s="32"/>
      <c r="I36" s="32"/>
      <c r="J36" s="32"/>
      <c r="K36" s="32"/>
      <c r="L36" s="32"/>
      <c r="M36" s="32"/>
      <c r="N36" s="32"/>
      <c r="O36" s="32"/>
      <c r="P36" s="32"/>
      <c r="Q36" s="32"/>
      <c r="R36" s="32"/>
      <c r="S36" s="32"/>
      <c r="T36" s="32"/>
      <c r="U36" s="32"/>
      <c r="V36" s="32"/>
      <c r="W36" s="32"/>
      <c r="X36" s="32"/>
      <c r="Y36" s="32"/>
      <c r="Z36" s="32"/>
      <c r="AA36" s="32"/>
      <c r="AB36" s="32"/>
      <c r="AC36" s="32"/>
      <c r="AD36" s="32"/>
      <c r="AE36" s="32"/>
      <c r="AF36" s="32"/>
      <c r="AG36" s="32"/>
      <c r="AH36" s="32"/>
      <c r="AI36" s="32"/>
      <c r="AJ36" s="32"/>
      <c r="AK36" s="32"/>
      <c r="AL36" s="32"/>
      <c r="AM36" s="32"/>
      <c r="AN36" s="32"/>
      <c r="AO36" s="32"/>
      <c r="AP36" s="32"/>
      <c r="AQ36" s="32"/>
      <c r="AR36" s="32"/>
      <c r="AS36" s="32"/>
      <c r="AT36" s="32"/>
      <c r="AU36" s="32"/>
      <c r="AV36" s="32"/>
      <c r="AW36" s="32"/>
      <c r="AX36" s="32"/>
      <c r="AY36" s="32"/>
      <c r="AZ36" s="32"/>
      <c r="BA36" s="32"/>
    </row>
  </sheetData>
  <phoneticPr fontId="18" type="noConversion"/>
  <pageMargins left="0.69930555555555596" right="0.69930555555555596" top="0.75" bottom="0.75" header="0.3" footer="0.3"/>
  <pageSetup paperSize="9" orientation="portrait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6"/>
  <sheetViews>
    <sheetView workbookViewId="0">
      <selection activeCell="C41" sqref="C41"/>
    </sheetView>
  </sheetViews>
  <sheetFormatPr defaultRowHeight="14.5"/>
  <cols>
    <col min="1" max="1" width="14" style="478" bestFit="1" customWidth="1"/>
    <col min="2" max="2" width="14.90625" style="478" customWidth="1"/>
    <col min="3" max="3" width="13.36328125" style="478" customWidth="1"/>
    <col min="4" max="4" width="10.90625" style="478" bestFit="1" customWidth="1"/>
    <col min="5" max="5" width="8.7265625" style="478"/>
    <col min="6" max="6" width="15.7265625" style="478" customWidth="1"/>
    <col min="7" max="16384" width="8.7265625" style="478"/>
  </cols>
  <sheetData>
    <row r="1" spans="1:6" s="481" customFormat="1" ht="16.5">
      <c r="A1" s="482" t="s">
        <v>1977</v>
      </c>
      <c r="B1" s="482" t="s">
        <v>1978</v>
      </c>
      <c r="C1" s="482" t="s">
        <v>6</v>
      </c>
      <c r="D1" s="483" t="s">
        <v>1956</v>
      </c>
      <c r="E1" s="484" t="s">
        <v>1979</v>
      </c>
      <c r="F1" s="485" t="s">
        <v>1960</v>
      </c>
    </row>
    <row r="2" spans="1:6" ht="16.5">
      <c r="A2" s="479" t="s">
        <v>1843</v>
      </c>
      <c r="B2" s="480" t="s">
        <v>1824</v>
      </c>
      <c r="C2" s="480" t="s">
        <v>1829</v>
      </c>
      <c r="D2" s="114">
        <v>50</v>
      </c>
      <c r="E2" s="480"/>
      <c r="F2" s="478" t="s">
        <v>1955</v>
      </c>
    </row>
    <row r="3" spans="1:6" ht="16.5">
      <c r="A3" s="479" t="s">
        <v>1843</v>
      </c>
      <c r="B3" s="480" t="s">
        <v>1816</v>
      </c>
      <c r="C3" s="480" t="s">
        <v>1830</v>
      </c>
      <c r="D3" s="114">
        <v>50</v>
      </c>
      <c r="E3" s="480"/>
      <c r="F3" s="478" t="s">
        <v>1955</v>
      </c>
    </row>
    <row r="4" spans="1:6" ht="16.5">
      <c r="A4" s="479" t="s">
        <v>1843</v>
      </c>
      <c r="B4" s="480" t="s">
        <v>1812</v>
      </c>
      <c r="C4" s="480" t="s">
        <v>1831</v>
      </c>
      <c r="D4" s="114">
        <v>67</v>
      </c>
      <c r="E4" s="480"/>
      <c r="F4" s="478" t="s">
        <v>1955</v>
      </c>
    </row>
    <row r="5" spans="1:6" ht="16.5">
      <c r="A5" s="479" t="s">
        <v>1843</v>
      </c>
      <c r="B5" s="480" t="s">
        <v>1825</v>
      </c>
      <c r="C5" s="480" t="s">
        <v>1832</v>
      </c>
      <c r="D5" s="114">
        <v>67</v>
      </c>
      <c r="E5" s="480"/>
      <c r="F5" s="478" t="s">
        <v>1955</v>
      </c>
    </row>
    <row r="6" spans="1:6" ht="16.5">
      <c r="A6" s="479" t="s">
        <v>1843</v>
      </c>
      <c r="B6" s="480" t="s">
        <v>1826</v>
      </c>
      <c r="C6" s="480" t="s">
        <v>1833</v>
      </c>
      <c r="D6" s="114">
        <v>81</v>
      </c>
      <c r="E6" s="480"/>
      <c r="F6" s="478" t="s">
        <v>1955</v>
      </c>
    </row>
    <row r="7" spans="1:6" ht="16.5">
      <c r="A7" s="479" t="s">
        <v>1843</v>
      </c>
      <c r="B7" s="480" t="s">
        <v>1817</v>
      </c>
      <c r="C7" s="480" t="s">
        <v>1834</v>
      </c>
      <c r="D7" s="114">
        <v>81</v>
      </c>
      <c r="E7" s="480"/>
      <c r="F7" s="478" t="s">
        <v>1955</v>
      </c>
    </row>
    <row r="8" spans="1:6" ht="16.5">
      <c r="A8" s="479" t="s">
        <v>1843</v>
      </c>
      <c r="B8" s="480" t="s">
        <v>1813</v>
      </c>
      <c r="C8" s="480" t="s">
        <v>1822</v>
      </c>
      <c r="D8" s="114">
        <v>98</v>
      </c>
      <c r="E8" s="480"/>
      <c r="F8" s="478" t="s">
        <v>1955</v>
      </c>
    </row>
    <row r="9" spans="1:6" ht="16.5">
      <c r="A9" s="479" t="s">
        <v>1843</v>
      </c>
      <c r="B9" s="480" t="s">
        <v>1818</v>
      </c>
      <c r="C9" s="480" t="s">
        <v>1835</v>
      </c>
      <c r="D9" s="114">
        <v>98</v>
      </c>
      <c r="E9" s="480"/>
      <c r="F9" s="478" t="s">
        <v>1955</v>
      </c>
    </row>
    <row r="10" spans="1:6" ht="16.5">
      <c r="A10" s="479" t="s">
        <v>1843</v>
      </c>
      <c r="B10" s="480" t="s">
        <v>1827</v>
      </c>
      <c r="C10" s="480" t="s">
        <v>1836</v>
      </c>
      <c r="D10" s="114">
        <v>50</v>
      </c>
      <c r="E10" s="480"/>
      <c r="F10" s="478" t="s">
        <v>1955</v>
      </c>
    </row>
    <row r="11" spans="1:6" ht="16.5">
      <c r="A11" s="479" t="s">
        <v>1843</v>
      </c>
      <c r="B11" s="480" t="s">
        <v>1819</v>
      </c>
      <c r="C11" s="480" t="s">
        <v>1837</v>
      </c>
      <c r="D11" s="114">
        <v>50</v>
      </c>
      <c r="E11" s="480"/>
      <c r="F11" s="478" t="s">
        <v>1955</v>
      </c>
    </row>
    <row r="12" spans="1:6" ht="16.5">
      <c r="A12" s="479" t="s">
        <v>1843</v>
      </c>
      <c r="B12" s="480" t="s">
        <v>1814</v>
      </c>
      <c r="C12" s="480" t="s">
        <v>1838</v>
      </c>
      <c r="D12" s="114">
        <v>67</v>
      </c>
      <c r="E12" s="480"/>
      <c r="F12" s="478" t="s">
        <v>1955</v>
      </c>
    </row>
    <row r="13" spans="1:6" ht="16.5">
      <c r="A13" s="479" t="s">
        <v>1843</v>
      </c>
      <c r="B13" s="480" t="s">
        <v>1820</v>
      </c>
      <c r="C13" s="480" t="s">
        <v>1839</v>
      </c>
      <c r="D13" s="114">
        <v>67</v>
      </c>
      <c r="E13" s="480"/>
      <c r="F13" s="478" t="s">
        <v>1955</v>
      </c>
    </row>
    <row r="14" spans="1:6" ht="16.5">
      <c r="A14" s="479" t="s">
        <v>1843</v>
      </c>
      <c r="B14" s="480" t="s">
        <v>1828</v>
      </c>
      <c r="C14" s="480" t="s">
        <v>1840</v>
      </c>
      <c r="D14" s="114">
        <v>81</v>
      </c>
      <c r="E14" s="480"/>
      <c r="F14" s="478" t="s">
        <v>1955</v>
      </c>
    </row>
    <row r="15" spans="1:6" ht="16.5">
      <c r="A15" s="479" t="s">
        <v>1843</v>
      </c>
      <c r="B15" s="480" t="s">
        <v>1821</v>
      </c>
      <c r="C15" s="480" t="s">
        <v>1841</v>
      </c>
      <c r="D15" s="114">
        <v>81</v>
      </c>
      <c r="E15" s="480"/>
      <c r="F15" s="478" t="s">
        <v>1955</v>
      </c>
    </row>
    <row r="16" spans="1:6" ht="16.5">
      <c r="A16" s="479" t="s">
        <v>1843</v>
      </c>
      <c r="B16" s="480" t="s">
        <v>1815</v>
      </c>
      <c r="C16" s="480" t="s">
        <v>1823</v>
      </c>
      <c r="D16" s="114">
        <v>98</v>
      </c>
      <c r="E16" s="480"/>
      <c r="F16" s="478" t="s">
        <v>1955</v>
      </c>
    </row>
  </sheetData>
  <autoFilter ref="A1:O1"/>
  <phoneticPr fontId="31" type="noConversion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79995117038483843"/>
  </sheetPr>
  <dimension ref="A1:S267"/>
  <sheetViews>
    <sheetView zoomScale="70" zoomScaleNormal="70" workbookViewId="0">
      <pane ySplit="1" topLeftCell="A153" activePane="bottomLeft" state="frozen"/>
      <selection pane="bottomLeft" activeCell="Q257" sqref="Q257:Q267"/>
    </sheetView>
  </sheetViews>
  <sheetFormatPr defaultColWidth="9" defaultRowHeight="50.15" customHeight="1"/>
  <cols>
    <col min="1" max="1" width="27.90625" style="58" bestFit="1" customWidth="1"/>
    <col min="2" max="2" width="34.90625" style="58" customWidth="1"/>
    <col min="3" max="3" width="19.26953125" style="58" customWidth="1"/>
    <col min="4" max="4" width="14.36328125" style="58" customWidth="1"/>
    <col min="5" max="5" width="14.453125" style="58" customWidth="1"/>
    <col min="6" max="6" width="11" style="58" customWidth="1"/>
    <col min="7" max="7" width="8.6328125" style="58" customWidth="1"/>
    <col min="8" max="8" width="11.7265625" style="58" customWidth="1"/>
    <col min="9" max="9" width="9.7265625" style="58" customWidth="1"/>
    <col min="10" max="10" width="8.26953125" style="58" customWidth="1"/>
    <col min="11" max="11" width="11.26953125" style="58" customWidth="1"/>
    <col min="12" max="12" width="8" style="58" customWidth="1"/>
    <col min="13" max="13" width="9" style="58" customWidth="1"/>
    <col min="14" max="14" width="19.453125" style="58" customWidth="1"/>
    <col min="15" max="15" width="43.90625" style="58" customWidth="1"/>
    <col min="16" max="16" width="13.90625" style="58" customWidth="1"/>
    <col min="17" max="17" width="19.7265625" style="290" customWidth="1"/>
    <col min="18" max="18" width="18.7265625" style="58" customWidth="1"/>
    <col min="19" max="19" width="9.36328125" style="58" customWidth="1"/>
    <col min="20" max="16384" width="9" style="58"/>
  </cols>
  <sheetData>
    <row r="1" spans="1:19" s="49" customFormat="1" ht="101.5" customHeight="1">
      <c r="A1" s="486" t="s">
        <v>1977</v>
      </c>
      <c r="B1" s="486" t="s">
        <v>1978</v>
      </c>
      <c r="C1" s="486" t="s">
        <v>1988</v>
      </c>
      <c r="D1" s="487" t="s">
        <v>1991</v>
      </c>
      <c r="E1" s="487" t="s">
        <v>1992</v>
      </c>
      <c r="F1" s="487" t="s">
        <v>1993</v>
      </c>
      <c r="G1" s="487" t="s">
        <v>1</v>
      </c>
      <c r="H1" s="487" t="s">
        <v>1400</v>
      </c>
      <c r="I1" s="487" t="s">
        <v>1401</v>
      </c>
      <c r="J1" s="487" t="s">
        <v>236</v>
      </c>
      <c r="K1" s="487" t="s">
        <v>237</v>
      </c>
      <c r="L1" s="488" t="s">
        <v>238</v>
      </c>
      <c r="M1" s="488" t="s">
        <v>1994</v>
      </c>
      <c r="N1" s="487" t="s">
        <v>1995</v>
      </c>
      <c r="O1" s="486" t="s">
        <v>1989</v>
      </c>
      <c r="P1" s="486" t="s">
        <v>6</v>
      </c>
      <c r="Q1" s="489" t="s">
        <v>1956</v>
      </c>
      <c r="R1" s="490" t="s">
        <v>1960</v>
      </c>
      <c r="S1" s="491" t="s">
        <v>1961</v>
      </c>
    </row>
    <row r="2" spans="1:19" s="50" customFormat="1" ht="50.15" customHeight="1">
      <c r="A2" s="129" t="s">
        <v>246</v>
      </c>
      <c r="B2" s="130"/>
      <c r="C2" s="130"/>
      <c r="D2" s="130"/>
      <c r="E2" s="130"/>
      <c r="F2" s="130"/>
      <c r="G2" s="130"/>
      <c r="H2" s="130"/>
      <c r="I2" s="130"/>
      <c r="J2" s="130"/>
      <c r="K2" s="130"/>
      <c r="L2" s="130"/>
      <c r="M2" s="130"/>
      <c r="N2" s="130"/>
      <c r="O2" s="130"/>
      <c r="P2" s="130"/>
      <c r="Q2" s="131"/>
      <c r="R2" s="125"/>
      <c r="S2" s="125"/>
    </row>
    <row r="3" spans="1:19" s="74" customFormat="1" ht="50.15" customHeight="1">
      <c r="A3" s="53" t="s">
        <v>249</v>
      </c>
      <c r="B3" s="53" t="s">
        <v>1699</v>
      </c>
      <c r="C3" s="133"/>
      <c r="D3" s="95" t="s">
        <v>8</v>
      </c>
      <c r="E3" s="134" t="s">
        <v>9</v>
      </c>
      <c r="F3" s="135" t="s">
        <v>14</v>
      </c>
      <c r="G3" s="77" t="s">
        <v>11</v>
      </c>
      <c r="H3" s="136" t="s">
        <v>12</v>
      </c>
      <c r="I3" s="77" t="s">
        <v>11</v>
      </c>
      <c r="J3" s="136" t="s">
        <v>12</v>
      </c>
      <c r="K3" s="77" t="s">
        <v>11</v>
      </c>
      <c r="L3" s="77" t="s">
        <v>11</v>
      </c>
      <c r="M3" s="136" t="s">
        <v>12</v>
      </c>
      <c r="N3" s="135" t="s">
        <v>1700</v>
      </c>
      <c r="O3" s="137" t="s">
        <v>1701</v>
      </c>
      <c r="P3" s="135" t="s">
        <v>1702</v>
      </c>
      <c r="Q3" s="114">
        <v>182</v>
      </c>
      <c r="R3" s="74" t="s">
        <v>1952</v>
      </c>
    </row>
    <row r="4" spans="1:19" s="74" customFormat="1" ht="50.15" customHeight="1">
      <c r="A4" s="53" t="s">
        <v>249</v>
      </c>
      <c r="B4" s="53" t="s">
        <v>1493</v>
      </c>
      <c r="C4" s="139"/>
      <c r="D4" s="95" t="s">
        <v>8</v>
      </c>
      <c r="E4" s="134" t="s">
        <v>9</v>
      </c>
      <c r="F4" s="135" t="s">
        <v>10</v>
      </c>
      <c r="G4" s="77" t="s">
        <v>11</v>
      </c>
      <c r="H4" s="136" t="s">
        <v>12</v>
      </c>
      <c r="I4" s="77" t="s">
        <v>11</v>
      </c>
      <c r="J4" s="136" t="s">
        <v>12</v>
      </c>
      <c r="K4" s="77" t="s">
        <v>11</v>
      </c>
      <c r="L4" s="77" t="s">
        <v>11</v>
      </c>
      <c r="M4" s="136" t="s">
        <v>12</v>
      </c>
      <c r="N4" s="135" t="s">
        <v>1700</v>
      </c>
      <c r="O4" s="140"/>
      <c r="P4" s="135" t="s">
        <v>1703</v>
      </c>
      <c r="Q4" s="114">
        <v>182</v>
      </c>
      <c r="R4" s="74" t="s">
        <v>1952</v>
      </c>
    </row>
    <row r="5" spans="1:19" s="74" customFormat="1" ht="50.15" customHeight="1">
      <c r="A5" s="53" t="s">
        <v>249</v>
      </c>
      <c r="B5" s="53" t="s">
        <v>1704</v>
      </c>
      <c r="C5" s="141"/>
      <c r="D5" s="95" t="s">
        <v>8</v>
      </c>
      <c r="E5" s="134" t="s">
        <v>9</v>
      </c>
      <c r="F5" s="135" t="s">
        <v>14</v>
      </c>
      <c r="G5" s="136" t="s">
        <v>12</v>
      </c>
      <c r="H5" s="136" t="s">
        <v>12</v>
      </c>
      <c r="I5" s="136" t="s">
        <v>12</v>
      </c>
      <c r="J5" s="136" t="s">
        <v>11</v>
      </c>
      <c r="K5" s="136" t="s">
        <v>11</v>
      </c>
      <c r="L5" s="136" t="s">
        <v>11</v>
      </c>
      <c r="M5" s="136" t="s">
        <v>11</v>
      </c>
      <c r="N5" s="135" t="s">
        <v>1705</v>
      </c>
      <c r="O5" s="142" t="s">
        <v>1701</v>
      </c>
      <c r="P5" s="135" t="s">
        <v>1706</v>
      </c>
      <c r="Q5" s="114">
        <v>182</v>
      </c>
      <c r="R5" s="74" t="s">
        <v>1952</v>
      </c>
    </row>
    <row r="6" spans="1:19" s="74" customFormat="1" ht="50.15" customHeight="1">
      <c r="A6" s="53" t="s">
        <v>249</v>
      </c>
      <c r="B6" s="53" t="s">
        <v>530</v>
      </c>
      <c r="C6" s="53"/>
      <c r="D6" s="95" t="s">
        <v>8</v>
      </c>
      <c r="E6" s="43" t="s">
        <v>9</v>
      </c>
      <c r="F6" s="95" t="s">
        <v>1030</v>
      </c>
      <c r="G6" s="95" t="s">
        <v>11</v>
      </c>
      <c r="H6" s="95" t="s">
        <v>12</v>
      </c>
      <c r="I6" s="95" t="s">
        <v>11</v>
      </c>
      <c r="J6" s="95" t="s">
        <v>929</v>
      </c>
      <c r="K6" s="95" t="s">
        <v>11</v>
      </c>
      <c r="L6" s="95" t="s">
        <v>11</v>
      </c>
      <c r="M6" s="95" t="s">
        <v>12</v>
      </c>
      <c r="N6" s="95" t="s">
        <v>1031</v>
      </c>
      <c r="O6" s="95" t="s">
        <v>1032</v>
      </c>
      <c r="P6" s="95" t="s">
        <v>1033</v>
      </c>
      <c r="Q6" s="114">
        <v>159</v>
      </c>
      <c r="R6" s="74" t="s">
        <v>1952</v>
      </c>
    </row>
    <row r="7" spans="1:19" s="74" customFormat="1" ht="50.15" customHeight="1">
      <c r="A7" s="53" t="s">
        <v>249</v>
      </c>
      <c r="B7" s="53" t="s">
        <v>1735</v>
      </c>
      <c r="C7" s="53"/>
      <c r="D7" s="37" t="s">
        <v>1209</v>
      </c>
      <c r="E7" s="37" t="s">
        <v>1284</v>
      </c>
      <c r="F7" s="38" t="s">
        <v>1285</v>
      </c>
      <c r="G7" s="37" t="s">
        <v>12</v>
      </c>
      <c r="H7" s="37" t="s">
        <v>12</v>
      </c>
      <c r="I7" s="37" t="s">
        <v>1286</v>
      </c>
      <c r="J7" s="37" t="s">
        <v>1287</v>
      </c>
      <c r="L7" s="52"/>
      <c r="M7" s="52"/>
      <c r="N7" s="138"/>
      <c r="O7" s="52"/>
      <c r="P7" s="37" t="s">
        <v>1288</v>
      </c>
      <c r="Q7" s="114">
        <v>159</v>
      </c>
      <c r="R7" s="74" t="s">
        <v>1952</v>
      </c>
    </row>
    <row r="8" spans="1:19" s="50" customFormat="1" ht="50.15" customHeight="1">
      <c r="A8" s="143" t="s">
        <v>332</v>
      </c>
      <c r="B8" s="132"/>
      <c r="C8" s="132"/>
      <c r="D8" s="132"/>
      <c r="E8" s="132"/>
      <c r="F8" s="132"/>
      <c r="G8" s="132"/>
      <c r="H8" s="132"/>
      <c r="I8" s="132"/>
      <c r="J8" s="132"/>
      <c r="K8" s="132"/>
      <c r="L8" s="132"/>
      <c r="M8" s="132"/>
      <c r="N8" s="132"/>
      <c r="O8" s="132"/>
      <c r="P8" s="132"/>
      <c r="Q8" s="131"/>
      <c r="R8" s="125"/>
      <c r="S8" s="125"/>
    </row>
    <row r="9" spans="1:19" s="150" customFormat="1" ht="50.15" customHeight="1">
      <c r="A9" s="144" t="s">
        <v>256</v>
      </c>
      <c r="B9" s="144" t="s">
        <v>257</v>
      </c>
      <c r="C9" s="145"/>
      <c r="D9" s="116" t="s">
        <v>8</v>
      </c>
      <c r="E9" s="115" t="s">
        <v>9</v>
      </c>
      <c r="F9" s="116" t="s">
        <v>248</v>
      </c>
      <c r="G9" s="116" t="s">
        <v>252</v>
      </c>
      <c r="H9" s="116" t="s">
        <v>253</v>
      </c>
      <c r="I9" s="116" t="s">
        <v>253</v>
      </c>
      <c r="J9" s="116" t="s">
        <v>11</v>
      </c>
      <c r="K9" s="116" t="s">
        <v>11</v>
      </c>
      <c r="L9" s="116" t="s">
        <v>253</v>
      </c>
      <c r="M9" s="116" t="s">
        <v>253</v>
      </c>
      <c r="N9" s="146" t="s">
        <v>159</v>
      </c>
      <c r="O9" s="147" t="s">
        <v>258</v>
      </c>
      <c r="P9" s="116" t="s">
        <v>259</v>
      </c>
      <c r="Q9" s="148">
        <v>159</v>
      </c>
      <c r="R9" s="149" t="s">
        <v>1952</v>
      </c>
      <c r="S9" s="149" t="s">
        <v>1954</v>
      </c>
    </row>
    <row r="10" spans="1:19" s="150" customFormat="1" ht="50.15" customHeight="1">
      <c r="A10" s="144" t="s">
        <v>255</v>
      </c>
      <c r="B10" s="144" t="s">
        <v>260</v>
      </c>
      <c r="C10" s="145"/>
      <c r="D10" s="116" t="s">
        <v>8</v>
      </c>
      <c r="E10" s="115" t="s">
        <v>9</v>
      </c>
      <c r="F10" s="116" t="s">
        <v>251</v>
      </c>
      <c r="G10" s="116" t="s">
        <v>252</v>
      </c>
      <c r="H10" s="116" t="s">
        <v>253</v>
      </c>
      <c r="I10" s="116" t="s">
        <v>253</v>
      </c>
      <c r="J10" s="116" t="s">
        <v>11</v>
      </c>
      <c r="K10" s="116" t="s">
        <v>11</v>
      </c>
      <c r="L10" s="116" t="s">
        <v>253</v>
      </c>
      <c r="M10" s="116" t="s">
        <v>253</v>
      </c>
      <c r="N10" s="146" t="s">
        <v>261</v>
      </c>
      <c r="O10" s="147"/>
      <c r="P10" s="116" t="s">
        <v>262</v>
      </c>
      <c r="Q10" s="148">
        <v>159</v>
      </c>
      <c r="R10" s="149" t="s">
        <v>1952</v>
      </c>
      <c r="S10" s="149" t="s">
        <v>1954</v>
      </c>
    </row>
    <row r="11" spans="1:19" s="150" customFormat="1" ht="50.15" customHeight="1">
      <c r="A11" s="144" t="s">
        <v>263</v>
      </c>
      <c r="B11" s="144" t="s">
        <v>264</v>
      </c>
      <c r="C11" s="145"/>
      <c r="D11" s="116" t="s">
        <v>8</v>
      </c>
      <c r="E11" s="115" t="s">
        <v>9</v>
      </c>
      <c r="F11" s="116" t="s">
        <v>248</v>
      </c>
      <c r="G11" s="116" t="s">
        <v>252</v>
      </c>
      <c r="H11" s="116" t="s">
        <v>253</v>
      </c>
      <c r="I11" s="116" t="s">
        <v>253</v>
      </c>
      <c r="J11" s="116" t="s">
        <v>11</v>
      </c>
      <c r="K11" s="116" t="s">
        <v>11</v>
      </c>
      <c r="L11" s="116" t="s">
        <v>253</v>
      </c>
      <c r="M11" s="116" t="s">
        <v>253</v>
      </c>
      <c r="N11" s="146" t="s">
        <v>261</v>
      </c>
      <c r="O11" s="147" t="s">
        <v>265</v>
      </c>
      <c r="P11" s="116" t="s">
        <v>266</v>
      </c>
      <c r="Q11" s="148">
        <v>159</v>
      </c>
      <c r="R11" s="149" t="s">
        <v>1952</v>
      </c>
      <c r="S11" s="149" t="s">
        <v>1954</v>
      </c>
    </row>
    <row r="12" spans="1:19" s="150" customFormat="1" ht="50.15" customHeight="1">
      <c r="A12" s="144" t="s">
        <v>263</v>
      </c>
      <c r="B12" s="144" t="s">
        <v>267</v>
      </c>
      <c r="C12" s="145"/>
      <c r="D12" s="116" t="s">
        <v>8</v>
      </c>
      <c r="E12" s="115" t="s">
        <v>9</v>
      </c>
      <c r="F12" s="116" t="s">
        <v>251</v>
      </c>
      <c r="G12" s="116" t="s">
        <v>252</v>
      </c>
      <c r="H12" s="116" t="s">
        <v>253</v>
      </c>
      <c r="I12" s="116" t="s">
        <v>253</v>
      </c>
      <c r="J12" s="116" t="s">
        <v>11</v>
      </c>
      <c r="K12" s="116" t="s">
        <v>11</v>
      </c>
      <c r="L12" s="116" t="s">
        <v>253</v>
      </c>
      <c r="M12" s="116" t="s">
        <v>253</v>
      </c>
      <c r="N12" s="146" t="s">
        <v>261</v>
      </c>
      <c r="O12" s="147"/>
      <c r="P12" s="116" t="s">
        <v>268</v>
      </c>
      <c r="Q12" s="148">
        <v>159</v>
      </c>
      <c r="R12" s="149" t="s">
        <v>1952</v>
      </c>
      <c r="S12" s="149" t="s">
        <v>1954</v>
      </c>
    </row>
    <row r="13" spans="1:19" s="74" customFormat="1" ht="50.15" customHeight="1">
      <c r="A13" s="119" t="s">
        <v>385</v>
      </c>
      <c r="B13" s="144" t="s">
        <v>1450</v>
      </c>
      <c r="C13" s="151"/>
      <c r="D13" s="116" t="s">
        <v>269</v>
      </c>
      <c r="E13" s="116" t="s">
        <v>250</v>
      </c>
      <c r="F13" s="116" t="s">
        <v>227</v>
      </c>
      <c r="G13" s="116" t="s">
        <v>241</v>
      </c>
      <c r="H13" s="116" t="s">
        <v>231</v>
      </c>
      <c r="I13" s="116" t="s">
        <v>231</v>
      </c>
      <c r="J13" s="116" t="s">
        <v>11</v>
      </c>
      <c r="K13" s="116" t="s">
        <v>231</v>
      </c>
      <c r="L13" s="116" t="s">
        <v>231</v>
      </c>
      <c r="M13" s="116" t="s">
        <v>231</v>
      </c>
      <c r="N13" s="146" t="s">
        <v>270</v>
      </c>
      <c r="O13" s="152" t="s">
        <v>271</v>
      </c>
      <c r="P13" s="116" t="s">
        <v>272</v>
      </c>
      <c r="Q13" s="153">
        <v>239</v>
      </c>
      <c r="R13" s="149" t="s">
        <v>1952</v>
      </c>
      <c r="S13" s="149" t="s">
        <v>1954</v>
      </c>
    </row>
    <row r="14" spans="1:19" s="74" customFormat="1" ht="50.15" customHeight="1">
      <c r="A14" s="119" t="s">
        <v>385</v>
      </c>
      <c r="B14" s="144" t="s">
        <v>1947</v>
      </c>
      <c r="C14" s="154"/>
      <c r="D14" s="116" t="s">
        <v>269</v>
      </c>
      <c r="E14" s="116" t="s">
        <v>250</v>
      </c>
      <c r="F14" s="116" t="s">
        <v>230</v>
      </c>
      <c r="G14" s="116" t="s">
        <v>241</v>
      </c>
      <c r="H14" s="116" t="s">
        <v>231</v>
      </c>
      <c r="I14" s="116" t="s">
        <v>231</v>
      </c>
      <c r="J14" s="116" t="s">
        <v>11</v>
      </c>
      <c r="K14" s="116" t="s">
        <v>231</v>
      </c>
      <c r="L14" s="116" t="s">
        <v>231</v>
      </c>
      <c r="M14" s="116" t="s">
        <v>231</v>
      </c>
      <c r="N14" s="146" t="s">
        <v>270</v>
      </c>
      <c r="O14" s="155"/>
      <c r="P14" s="116" t="s">
        <v>273</v>
      </c>
      <c r="Q14" s="153">
        <v>239</v>
      </c>
      <c r="R14" s="149" t="s">
        <v>1952</v>
      </c>
      <c r="S14" s="149" t="s">
        <v>1954</v>
      </c>
    </row>
    <row r="15" spans="1:19" s="124" customFormat="1" ht="50.15" customHeight="1">
      <c r="A15" s="123" t="s">
        <v>385</v>
      </c>
      <c r="B15" s="123" t="s">
        <v>1451</v>
      </c>
      <c r="C15" s="156"/>
      <c r="D15" s="122" t="s">
        <v>386</v>
      </c>
      <c r="E15" s="122" t="s">
        <v>387</v>
      </c>
      <c r="F15" s="122" t="s">
        <v>388</v>
      </c>
      <c r="G15" s="122" t="s">
        <v>389</v>
      </c>
      <c r="H15" s="122" t="s">
        <v>389</v>
      </c>
      <c r="I15" s="122" t="s">
        <v>390</v>
      </c>
      <c r="J15" s="122" t="s">
        <v>11</v>
      </c>
      <c r="K15" s="122" t="s">
        <v>390</v>
      </c>
      <c r="L15" s="122" t="s">
        <v>390</v>
      </c>
      <c r="M15" s="122" t="s">
        <v>390</v>
      </c>
      <c r="N15" s="157" t="s">
        <v>391</v>
      </c>
      <c r="O15" s="158" t="s">
        <v>392</v>
      </c>
      <c r="P15" s="122" t="s">
        <v>393</v>
      </c>
      <c r="Q15" s="159">
        <v>239</v>
      </c>
      <c r="R15" s="124" t="s">
        <v>1952</v>
      </c>
    </row>
    <row r="16" spans="1:19" s="124" customFormat="1" ht="50.15" customHeight="1">
      <c r="A16" s="123" t="s">
        <v>385</v>
      </c>
      <c r="B16" s="123" t="s">
        <v>394</v>
      </c>
      <c r="C16" s="160"/>
      <c r="D16" s="122" t="s">
        <v>386</v>
      </c>
      <c r="E16" s="122" t="s">
        <v>387</v>
      </c>
      <c r="F16" s="122" t="s">
        <v>395</v>
      </c>
      <c r="G16" s="122" t="s">
        <v>389</v>
      </c>
      <c r="H16" s="122" t="s">
        <v>389</v>
      </c>
      <c r="I16" s="122" t="s">
        <v>390</v>
      </c>
      <c r="J16" s="122" t="s">
        <v>11</v>
      </c>
      <c r="K16" s="122" t="s">
        <v>390</v>
      </c>
      <c r="L16" s="122" t="s">
        <v>390</v>
      </c>
      <c r="M16" s="122" t="s">
        <v>390</v>
      </c>
      <c r="N16" s="157" t="s">
        <v>396</v>
      </c>
      <c r="O16" s="161"/>
      <c r="P16" s="122" t="s">
        <v>397</v>
      </c>
      <c r="Q16" s="159">
        <v>239</v>
      </c>
      <c r="R16" s="124" t="s">
        <v>1953</v>
      </c>
    </row>
    <row r="17" spans="1:18" s="124" customFormat="1" ht="50.15" customHeight="1">
      <c r="A17" s="123" t="s">
        <v>385</v>
      </c>
      <c r="B17" s="123" t="s">
        <v>1452</v>
      </c>
      <c r="C17" s="156"/>
      <c r="D17" s="122" t="s">
        <v>386</v>
      </c>
      <c r="E17" s="122" t="s">
        <v>387</v>
      </c>
      <c r="F17" s="122" t="s">
        <v>388</v>
      </c>
      <c r="G17" s="122" t="s">
        <v>389</v>
      </c>
      <c r="H17" s="122" t="s">
        <v>389</v>
      </c>
      <c r="I17" s="122" t="s">
        <v>390</v>
      </c>
      <c r="J17" s="122" t="s">
        <v>12</v>
      </c>
      <c r="K17" s="122" t="s">
        <v>390</v>
      </c>
      <c r="L17" s="122" t="s">
        <v>390</v>
      </c>
      <c r="M17" s="122" t="s">
        <v>390</v>
      </c>
      <c r="N17" s="157" t="s">
        <v>398</v>
      </c>
      <c r="O17" s="158" t="s">
        <v>392</v>
      </c>
      <c r="P17" s="122" t="s">
        <v>399</v>
      </c>
      <c r="Q17" s="159">
        <v>239</v>
      </c>
      <c r="R17" s="124" t="s">
        <v>1953</v>
      </c>
    </row>
    <row r="18" spans="1:18" s="124" customFormat="1" ht="50.15" customHeight="1">
      <c r="A18" s="123" t="s">
        <v>385</v>
      </c>
      <c r="B18" s="123" t="s">
        <v>400</v>
      </c>
      <c r="C18" s="160"/>
      <c r="D18" s="122" t="s">
        <v>386</v>
      </c>
      <c r="E18" s="122" t="s">
        <v>387</v>
      </c>
      <c r="F18" s="122" t="s">
        <v>395</v>
      </c>
      <c r="G18" s="122" t="s">
        <v>389</v>
      </c>
      <c r="H18" s="122" t="s">
        <v>389</v>
      </c>
      <c r="I18" s="122" t="s">
        <v>390</v>
      </c>
      <c r="J18" s="122" t="s">
        <v>12</v>
      </c>
      <c r="K18" s="122" t="s">
        <v>390</v>
      </c>
      <c r="L18" s="122" t="s">
        <v>390</v>
      </c>
      <c r="M18" s="122" t="s">
        <v>390</v>
      </c>
      <c r="N18" s="157" t="s">
        <v>398</v>
      </c>
      <c r="O18" s="161"/>
      <c r="P18" s="122" t="s">
        <v>401</v>
      </c>
      <c r="Q18" s="159">
        <v>239</v>
      </c>
      <c r="R18" s="124" t="s">
        <v>1953</v>
      </c>
    </row>
    <row r="19" spans="1:18" s="51" customFormat="1" ht="50.15" customHeight="1">
      <c r="A19" s="97" t="s">
        <v>385</v>
      </c>
      <c r="B19" s="97" t="s">
        <v>1636</v>
      </c>
      <c r="C19" s="101"/>
      <c r="D19" s="95" t="s">
        <v>8</v>
      </c>
      <c r="E19" s="95" t="s">
        <v>9</v>
      </c>
      <c r="F19" s="95" t="s">
        <v>14</v>
      </c>
      <c r="G19" s="95" t="s">
        <v>12</v>
      </c>
      <c r="H19" s="95" t="s">
        <v>12</v>
      </c>
      <c r="I19" s="95" t="s">
        <v>11</v>
      </c>
      <c r="J19" s="95" t="s">
        <v>929</v>
      </c>
      <c r="K19" s="95" t="s">
        <v>11</v>
      </c>
      <c r="L19" s="95" t="s">
        <v>11</v>
      </c>
      <c r="M19" s="95" t="s">
        <v>11</v>
      </c>
      <c r="N19" s="162" t="s">
        <v>993</v>
      </c>
      <c r="O19" s="163" t="s">
        <v>1034</v>
      </c>
      <c r="P19" s="95" t="s">
        <v>994</v>
      </c>
      <c r="Q19" s="114">
        <v>216</v>
      </c>
      <c r="R19" s="51" t="s">
        <v>1952</v>
      </c>
    </row>
    <row r="20" spans="1:18" s="51" customFormat="1" ht="50.15" customHeight="1">
      <c r="A20" s="97" t="s">
        <v>385</v>
      </c>
      <c r="B20" s="97" t="s">
        <v>1637</v>
      </c>
      <c r="C20" s="101"/>
      <c r="D20" s="95" t="s">
        <v>8</v>
      </c>
      <c r="E20" s="95" t="s">
        <v>9</v>
      </c>
      <c r="F20" s="95" t="s">
        <v>10</v>
      </c>
      <c r="G20" s="95" t="s">
        <v>12</v>
      </c>
      <c r="H20" s="95" t="s">
        <v>12</v>
      </c>
      <c r="I20" s="95" t="s">
        <v>11</v>
      </c>
      <c r="J20" s="95" t="s">
        <v>929</v>
      </c>
      <c r="K20" s="95" t="s">
        <v>11</v>
      </c>
      <c r="L20" s="95" t="s">
        <v>11</v>
      </c>
      <c r="M20" s="95" t="s">
        <v>11</v>
      </c>
      <c r="N20" s="162" t="s">
        <v>993</v>
      </c>
      <c r="O20" s="164"/>
      <c r="P20" s="95" t="s">
        <v>995</v>
      </c>
      <c r="Q20" s="114">
        <v>216</v>
      </c>
      <c r="R20" s="51" t="s">
        <v>1952</v>
      </c>
    </row>
    <row r="21" spans="1:18" s="51" customFormat="1" ht="50.15" customHeight="1">
      <c r="A21" s="97" t="s">
        <v>385</v>
      </c>
      <c r="B21" s="97" t="s">
        <v>1638</v>
      </c>
      <c r="C21" s="101"/>
      <c r="D21" s="95" t="s">
        <v>8</v>
      </c>
      <c r="E21" s="95" t="s">
        <v>9</v>
      </c>
      <c r="F21" s="95" t="s">
        <v>14</v>
      </c>
      <c r="G21" s="95" t="s">
        <v>12</v>
      </c>
      <c r="H21" s="95" t="s">
        <v>12</v>
      </c>
      <c r="I21" s="95" t="s">
        <v>11</v>
      </c>
      <c r="J21" s="95" t="s">
        <v>929</v>
      </c>
      <c r="K21" s="95" t="s">
        <v>11</v>
      </c>
      <c r="L21" s="95" t="s">
        <v>11</v>
      </c>
      <c r="M21" s="95" t="s">
        <v>11</v>
      </c>
      <c r="N21" s="162" t="s">
        <v>993</v>
      </c>
      <c r="O21" s="104" t="s">
        <v>1035</v>
      </c>
      <c r="P21" s="95" t="s">
        <v>996</v>
      </c>
      <c r="Q21" s="114">
        <v>216</v>
      </c>
      <c r="R21" s="51" t="s">
        <v>1952</v>
      </c>
    </row>
    <row r="22" spans="1:18" s="51" customFormat="1" ht="50.15" customHeight="1">
      <c r="A22" s="97" t="s">
        <v>1639</v>
      </c>
      <c r="B22" s="97" t="s">
        <v>1732</v>
      </c>
      <c r="C22" s="101"/>
      <c r="D22" s="95" t="s">
        <v>8</v>
      </c>
      <c r="E22" s="95" t="s">
        <v>9</v>
      </c>
      <c r="F22" s="95" t="s">
        <v>10</v>
      </c>
      <c r="G22" s="95" t="s">
        <v>12</v>
      </c>
      <c r="H22" s="95" t="s">
        <v>12</v>
      </c>
      <c r="I22" s="95" t="s">
        <v>11</v>
      </c>
      <c r="J22" s="95" t="s">
        <v>929</v>
      </c>
      <c r="K22" s="95" t="s">
        <v>11</v>
      </c>
      <c r="L22" s="95" t="s">
        <v>11</v>
      </c>
      <c r="M22" s="95" t="s">
        <v>11</v>
      </c>
      <c r="N22" s="162" t="s">
        <v>993</v>
      </c>
      <c r="O22" s="104"/>
      <c r="P22" s="95" t="s">
        <v>1036</v>
      </c>
      <c r="Q22" s="114">
        <v>216</v>
      </c>
      <c r="R22" s="51" t="s">
        <v>1952</v>
      </c>
    </row>
    <row r="23" spans="1:18" s="51" customFormat="1" ht="50.15" customHeight="1">
      <c r="A23" s="97" t="s">
        <v>385</v>
      </c>
      <c r="B23" s="97" t="s">
        <v>1733</v>
      </c>
      <c r="C23" s="101"/>
      <c r="D23" s="95" t="s">
        <v>8</v>
      </c>
      <c r="E23" s="95" t="s">
        <v>9</v>
      </c>
      <c r="F23" s="95" t="s">
        <v>14</v>
      </c>
      <c r="G23" s="95" t="s">
        <v>12</v>
      </c>
      <c r="H23" s="95" t="s">
        <v>12</v>
      </c>
      <c r="I23" s="95" t="s">
        <v>11</v>
      </c>
      <c r="J23" s="95" t="s">
        <v>929</v>
      </c>
      <c r="K23" s="95" t="s">
        <v>11</v>
      </c>
      <c r="L23" s="95" t="s">
        <v>11</v>
      </c>
      <c r="M23" s="95" t="s">
        <v>11</v>
      </c>
      <c r="N23" s="162" t="s">
        <v>993</v>
      </c>
      <c r="O23" s="104" t="s">
        <v>1071</v>
      </c>
      <c r="P23" s="165" t="s">
        <v>1945</v>
      </c>
      <c r="Q23" s="114">
        <v>228</v>
      </c>
      <c r="R23" s="51" t="s">
        <v>1952</v>
      </c>
    </row>
    <row r="24" spans="1:18" s="51" customFormat="1" ht="50.15" customHeight="1">
      <c r="A24" s="97" t="s">
        <v>1639</v>
      </c>
      <c r="B24" s="97" t="s">
        <v>1734</v>
      </c>
      <c r="C24" s="101"/>
      <c r="D24" s="95" t="s">
        <v>8</v>
      </c>
      <c r="E24" s="95" t="s">
        <v>9</v>
      </c>
      <c r="F24" s="95" t="s">
        <v>10</v>
      </c>
      <c r="G24" s="95" t="s">
        <v>12</v>
      </c>
      <c r="H24" s="95" t="s">
        <v>12</v>
      </c>
      <c r="I24" s="95" t="s">
        <v>11</v>
      </c>
      <c r="J24" s="95" t="s">
        <v>929</v>
      </c>
      <c r="K24" s="95" t="s">
        <v>11</v>
      </c>
      <c r="L24" s="95" t="s">
        <v>11</v>
      </c>
      <c r="M24" s="95" t="s">
        <v>11</v>
      </c>
      <c r="N24" s="162" t="s">
        <v>993</v>
      </c>
      <c r="O24" s="104"/>
      <c r="P24" s="165" t="s">
        <v>1027</v>
      </c>
      <c r="Q24" s="114">
        <v>228</v>
      </c>
      <c r="R24" s="51" t="s">
        <v>1953</v>
      </c>
    </row>
    <row r="25" spans="1:18" s="51" customFormat="1" ht="50.15" customHeight="1">
      <c r="A25" s="97" t="s">
        <v>385</v>
      </c>
      <c r="B25" s="166" t="s">
        <v>1793</v>
      </c>
      <c r="C25" s="102"/>
      <c r="D25" s="81" t="s">
        <v>18</v>
      </c>
      <c r="E25" s="77" t="s">
        <v>9</v>
      </c>
      <c r="F25" s="81" t="s">
        <v>14</v>
      </c>
      <c r="G25" s="77" t="s">
        <v>12</v>
      </c>
      <c r="H25" s="77" t="s">
        <v>12</v>
      </c>
      <c r="I25" s="77" t="s">
        <v>12</v>
      </c>
      <c r="J25" s="77" t="s">
        <v>929</v>
      </c>
      <c r="K25" s="77" t="s">
        <v>11</v>
      </c>
      <c r="L25" s="77" t="s">
        <v>11</v>
      </c>
      <c r="M25" s="77" t="s">
        <v>11</v>
      </c>
      <c r="N25" s="167" t="s">
        <v>993</v>
      </c>
      <c r="O25" s="168" t="s">
        <v>1857</v>
      </c>
      <c r="P25" s="81" t="s">
        <v>1858</v>
      </c>
      <c r="Q25" s="114">
        <v>252</v>
      </c>
      <c r="R25" s="51" t="s">
        <v>1953</v>
      </c>
    </row>
    <row r="26" spans="1:18" s="51" customFormat="1" ht="50.15" customHeight="1">
      <c r="A26" s="97" t="s">
        <v>385</v>
      </c>
      <c r="B26" s="166" t="s">
        <v>1794</v>
      </c>
      <c r="C26" s="103"/>
      <c r="D26" s="81" t="s">
        <v>18</v>
      </c>
      <c r="E26" s="77" t="s">
        <v>9</v>
      </c>
      <c r="F26" s="81" t="s">
        <v>10</v>
      </c>
      <c r="G26" s="77" t="s">
        <v>12</v>
      </c>
      <c r="H26" s="77" t="s">
        <v>12</v>
      </c>
      <c r="I26" s="77" t="s">
        <v>12</v>
      </c>
      <c r="J26" s="77" t="s">
        <v>929</v>
      </c>
      <c r="K26" s="77" t="s">
        <v>11</v>
      </c>
      <c r="L26" s="77" t="s">
        <v>11</v>
      </c>
      <c r="M26" s="77" t="s">
        <v>11</v>
      </c>
      <c r="N26" s="167" t="s">
        <v>993</v>
      </c>
      <c r="O26" s="168"/>
      <c r="P26" s="81" t="s">
        <v>1859</v>
      </c>
      <c r="Q26" s="114">
        <v>252</v>
      </c>
      <c r="R26" s="51" t="s">
        <v>1953</v>
      </c>
    </row>
    <row r="27" spans="1:18" s="51" customFormat="1" ht="50.15" customHeight="1">
      <c r="A27" s="97" t="s">
        <v>385</v>
      </c>
      <c r="B27" s="166" t="s">
        <v>1856</v>
      </c>
      <c r="C27" s="102"/>
      <c r="D27" s="81" t="s">
        <v>18</v>
      </c>
      <c r="E27" s="77" t="s">
        <v>9</v>
      </c>
      <c r="F27" s="81" t="s">
        <v>14</v>
      </c>
      <c r="G27" s="77" t="s">
        <v>12</v>
      </c>
      <c r="H27" s="77" t="s">
        <v>12</v>
      </c>
      <c r="I27" s="77" t="s">
        <v>12</v>
      </c>
      <c r="J27" s="77" t="s">
        <v>929</v>
      </c>
      <c r="K27" s="77" t="s">
        <v>11</v>
      </c>
      <c r="L27" s="77" t="s">
        <v>11</v>
      </c>
      <c r="M27" s="77" t="s">
        <v>11</v>
      </c>
      <c r="N27" s="167" t="s">
        <v>993</v>
      </c>
      <c r="O27" s="168" t="s">
        <v>1860</v>
      </c>
      <c r="P27" s="81" t="s">
        <v>1861</v>
      </c>
      <c r="Q27" s="114">
        <v>252</v>
      </c>
      <c r="R27" s="51" t="s">
        <v>1953</v>
      </c>
    </row>
    <row r="28" spans="1:18" s="51" customFormat="1" ht="50.15" customHeight="1">
      <c r="A28" s="97" t="s">
        <v>385</v>
      </c>
      <c r="B28" s="169" t="s">
        <v>1792</v>
      </c>
      <c r="C28" s="103"/>
      <c r="D28" s="81" t="s">
        <v>18</v>
      </c>
      <c r="E28" s="77" t="s">
        <v>9</v>
      </c>
      <c r="F28" s="81" t="s">
        <v>10</v>
      </c>
      <c r="G28" s="77" t="s">
        <v>12</v>
      </c>
      <c r="H28" s="77" t="s">
        <v>12</v>
      </c>
      <c r="I28" s="77" t="s">
        <v>12</v>
      </c>
      <c r="J28" s="77" t="s">
        <v>929</v>
      </c>
      <c r="K28" s="77" t="s">
        <v>11</v>
      </c>
      <c r="L28" s="77" t="s">
        <v>11</v>
      </c>
      <c r="M28" s="77" t="s">
        <v>11</v>
      </c>
      <c r="N28" s="167" t="s">
        <v>993</v>
      </c>
      <c r="O28" s="168"/>
      <c r="P28" s="81" t="s">
        <v>1862</v>
      </c>
      <c r="Q28" s="114">
        <v>252</v>
      </c>
      <c r="R28" s="51" t="s">
        <v>1953</v>
      </c>
    </row>
    <row r="29" spans="1:18" s="51" customFormat="1" ht="50.15" customHeight="1">
      <c r="A29" s="97" t="s">
        <v>1289</v>
      </c>
      <c r="B29" s="97" t="s">
        <v>1640</v>
      </c>
      <c r="C29" s="101"/>
      <c r="D29" s="95" t="s">
        <v>1175</v>
      </c>
      <c r="E29" s="95" t="s">
        <v>1290</v>
      </c>
      <c r="F29" s="95" t="s">
        <v>1291</v>
      </c>
      <c r="G29" s="95" t="s">
        <v>1177</v>
      </c>
      <c r="H29" s="95" t="s">
        <v>1177</v>
      </c>
      <c r="I29" s="95" t="s">
        <v>1160</v>
      </c>
      <c r="J29" s="95" t="s">
        <v>12</v>
      </c>
      <c r="K29" s="95" t="s">
        <v>1160</v>
      </c>
      <c r="L29" s="95" t="s">
        <v>1160</v>
      </c>
      <c r="M29" s="95" t="s">
        <v>1160</v>
      </c>
      <c r="N29" s="162" t="s">
        <v>398</v>
      </c>
      <c r="O29" s="104" t="s">
        <v>1292</v>
      </c>
      <c r="P29" s="95" t="s">
        <v>1293</v>
      </c>
      <c r="Q29" s="114">
        <v>239</v>
      </c>
      <c r="R29" s="51" t="s">
        <v>1952</v>
      </c>
    </row>
    <row r="30" spans="1:18" s="51" customFormat="1" ht="50.15" customHeight="1">
      <c r="A30" s="97" t="s">
        <v>1641</v>
      </c>
      <c r="B30" s="97" t="s">
        <v>1642</v>
      </c>
      <c r="C30" s="101"/>
      <c r="D30" s="95" t="s">
        <v>1175</v>
      </c>
      <c r="E30" s="95" t="s">
        <v>1290</v>
      </c>
      <c r="F30" s="95" t="s">
        <v>1294</v>
      </c>
      <c r="G30" s="95" t="s">
        <v>1177</v>
      </c>
      <c r="H30" s="95" t="s">
        <v>1177</v>
      </c>
      <c r="I30" s="95" t="s">
        <v>1160</v>
      </c>
      <c r="J30" s="95" t="s">
        <v>12</v>
      </c>
      <c r="K30" s="95" t="s">
        <v>1160</v>
      </c>
      <c r="L30" s="95" t="s">
        <v>1160</v>
      </c>
      <c r="M30" s="95" t="s">
        <v>1160</v>
      </c>
      <c r="N30" s="162" t="s">
        <v>398</v>
      </c>
      <c r="O30" s="104"/>
      <c r="P30" s="95" t="s">
        <v>1295</v>
      </c>
      <c r="Q30" s="114">
        <v>239</v>
      </c>
      <c r="R30" s="51" t="s">
        <v>1952</v>
      </c>
    </row>
    <row r="31" spans="1:18" s="51" customFormat="1" ht="50.15" customHeight="1">
      <c r="A31" s="97" t="s">
        <v>1643</v>
      </c>
      <c r="B31" s="97" t="s">
        <v>1644</v>
      </c>
      <c r="C31" s="102"/>
      <c r="D31" s="95" t="s">
        <v>1175</v>
      </c>
      <c r="E31" s="95" t="s">
        <v>1290</v>
      </c>
      <c r="F31" s="95" t="s">
        <v>1291</v>
      </c>
      <c r="G31" s="95" t="s">
        <v>1177</v>
      </c>
      <c r="H31" s="95" t="s">
        <v>1177</v>
      </c>
      <c r="I31" s="95" t="s">
        <v>1160</v>
      </c>
      <c r="J31" s="95" t="s">
        <v>1160</v>
      </c>
      <c r="K31" s="95" t="s">
        <v>1160</v>
      </c>
      <c r="L31" s="95" t="s">
        <v>1160</v>
      </c>
      <c r="M31" s="95" t="s">
        <v>1160</v>
      </c>
      <c r="N31" s="162" t="s">
        <v>1296</v>
      </c>
      <c r="O31" s="163" t="s">
        <v>1297</v>
      </c>
      <c r="P31" s="95" t="s">
        <v>1298</v>
      </c>
      <c r="Q31" s="114">
        <v>239</v>
      </c>
      <c r="R31" s="51" t="s">
        <v>1952</v>
      </c>
    </row>
    <row r="32" spans="1:18" s="51" customFormat="1" ht="50.15" customHeight="1">
      <c r="A32" s="97" t="s">
        <v>1645</v>
      </c>
      <c r="B32" s="97" t="s">
        <v>1646</v>
      </c>
      <c r="C32" s="103"/>
      <c r="D32" s="95" t="s">
        <v>1175</v>
      </c>
      <c r="E32" s="95" t="s">
        <v>1290</v>
      </c>
      <c r="F32" s="95" t="s">
        <v>1294</v>
      </c>
      <c r="G32" s="95" t="s">
        <v>1177</v>
      </c>
      <c r="H32" s="95" t="s">
        <v>1177</v>
      </c>
      <c r="I32" s="95" t="s">
        <v>1160</v>
      </c>
      <c r="J32" s="95" t="s">
        <v>1160</v>
      </c>
      <c r="K32" s="95" t="s">
        <v>1160</v>
      </c>
      <c r="L32" s="95" t="s">
        <v>1160</v>
      </c>
      <c r="M32" s="95" t="s">
        <v>1160</v>
      </c>
      <c r="N32" s="162" t="s">
        <v>1296</v>
      </c>
      <c r="O32" s="164"/>
      <c r="P32" s="95" t="s">
        <v>1299</v>
      </c>
      <c r="Q32" s="114">
        <v>239</v>
      </c>
      <c r="R32" s="51" t="s">
        <v>1952</v>
      </c>
    </row>
    <row r="33" spans="1:18" s="51" customFormat="1" ht="50.15" customHeight="1">
      <c r="A33" s="97" t="s">
        <v>1645</v>
      </c>
      <c r="B33" s="97" t="s">
        <v>1892</v>
      </c>
      <c r="C33" s="101"/>
      <c r="D33" s="95" t="s">
        <v>1175</v>
      </c>
      <c r="E33" s="95" t="s">
        <v>1290</v>
      </c>
      <c r="F33" s="95" t="s">
        <v>1291</v>
      </c>
      <c r="G33" s="95" t="s">
        <v>1177</v>
      </c>
      <c r="H33" s="95" t="s">
        <v>1177</v>
      </c>
      <c r="I33" s="95" t="s">
        <v>1160</v>
      </c>
      <c r="J33" s="95" t="s">
        <v>1177</v>
      </c>
      <c r="K33" s="95" t="s">
        <v>1160</v>
      </c>
      <c r="L33" s="95" t="s">
        <v>1160</v>
      </c>
      <c r="M33" s="95" t="s">
        <v>1160</v>
      </c>
      <c r="N33" s="162" t="s">
        <v>1300</v>
      </c>
      <c r="O33" s="163" t="s">
        <v>1297</v>
      </c>
      <c r="P33" s="95" t="s">
        <v>1301</v>
      </c>
      <c r="Q33" s="114">
        <v>239</v>
      </c>
      <c r="R33" s="51" t="s">
        <v>1952</v>
      </c>
    </row>
    <row r="34" spans="1:18" s="51" customFormat="1" ht="50.15" customHeight="1">
      <c r="A34" s="97" t="s">
        <v>1643</v>
      </c>
      <c r="B34" s="97" t="s">
        <v>1647</v>
      </c>
      <c r="C34" s="101"/>
      <c r="D34" s="95" t="s">
        <v>1175</v>
      </c>
      <c r="E34" s="95" t="s">
        <v>1290</v>
      </c>
      <c r="F34" s="95" t="s">
        <v>1294</v>
      </c>
      <c r="G34" s="95" t="s">
        <v>1177</v>
      </c>
      <c r="H34" s="95" t="s">
        <v>1177</v>
      </c>
      <c r="I34" s="95" t="s">
        <v>1160</v>
      </c>
      <c r="J34" s="95" t="s">
        <v>1177</v>
      </c>
      <c r="K34" s="95" t="s">
        <v>1160</v>
      </c>
      <c r="L34" s="95" t="s">
        <v>1160</v>
      </c>
      <c r="M34" s="95" t="s">
        <v>1160</v>
      </c>
      <c r="N34" s="162" t="s">
        <v>1300</v>
      </c>
      <c r="O34" s="164"/>
      <c r="P34" s="95" t="s">
        <v>1302</v>
      </c>
      <c r="Q34" s="114">
        <v>239</v>
      </c>
      <c r="R34" s="51" t="s">
        <v>1952</v>
      </c>
    </row>
    <row r="35" spans="1:18" s="51" customFormat="1" ht="50.15" customHeight="1">
      <c r="A35" s="97" t="s">
        <v>1643</v>
      </c>
      <c r="B35" s="97" t="s">
        <v>1648</v>
      </c>
      <c r="C35" s="102"/>
      <c r="D35" s="95" t="s">
        <v>1110</v>
      </c>
      <c r="E35" s="95" t="s">
        <v>9</v>
      </c>
      <c r="F35" s="95" t="s">
        <v>14</v>
      </c>
      <c r="G35" s="95" t="s">
        <v>12</v>
      </c>
      <c r="H35" s="95" t="s">
        <v>12</v>
      </c>
      <c r="I35" s="95" t="s">
        <v>11</v>
      </c>
      <c r="J35" s="95" t="s">
        <v>1177</v>
      </c>
      <c r="K35" s="95" t="s">
        <v>11</v>
      </c>
      <c r="L35" s="95" t="s">
        <v>11</v>
      </c>
      <c r="M35" s="95" t="s">
        <v>11</v>
      </c>
      <c r="N35" s="162" t="s">
        <v>398</v>
      </c>
      <c r="O35" s="163" t="s">
        <v>930</v>
      </c>
      <c r="P35" s="95" t="s">
        <v>931</v>
      </c>
      <c r="Q35" s="114">
        <v>273</v>
      </c>
      <c r="R35" s="51" t="s">
        <v>1952</v>
      </c>
    </row>
    <row r="36" spans="1:18" s="51" customFormat="1" ht="50.15" customHeight="1">
      <c r="A36" s="97" t="s">
        <v>1643</v>
      </c>
      <c r="B36" s="97" t="s">
        <v>1649</v>
      </c>
      <c r="C36" s="103"/>
      <c r="D36" s="95" t="s">
        <v>1110</v>
      </c>
      <c r="E36" s="95" t="s">
        <v>9</v>
      </c>
      <c r="F36" s="95" t="s">
        <v>10</v>
      </c>
      <c r="G36" s="95" t="s">
        <v>12</v>
      </c>
      <c r="H36" s="95" t="s">
        <v>12</v>
      </c>
      <c r="I36" s="95" t="s">
        <v>11</v>
      </c>
      <c r="J36" s="95" t="s">
        <v>12</v>
      </c>
      <c r="K36" s="95" t="s">
        <v>11</v>
      </c>
      <c r="L36" s="95" t="s">
        <v>11</v>
      </c>
      <c r="M36" s="95" t="s">
        <v>11</v>
      </c>
      <c r="N36" s="162" t="s">
        <v>398</v>
      </c>
      <c r="O36" s="164"/>
      <c r="P36" s="95" t="s">
        <v>924</v>
      </c>
      <c r="Q36" s="114">
        <v>273</v>
      </c>
      <c r="R36" s="51" t="s">
        <v>1952</v>
      </c>
    </row>
    <row r="37" spans="1:18" s="51" customFormat="1" ht="50.15" customHeight="1">
      <c r="A37" s="97" t="s">
        <v>385</v>
      </c>
      <c r="B37" s="97" t="s">
        <v>1650</v>
      </c>
      <c r="C37" s="102"/>
      <c r="D37" s="95" t="s">
        <v>1110</v>
      </c>
      <c r="E37" s="95" t="s">
        <v>9</v>
      </c>
      <c r="F37" s="95" t="s">
        <v>14</v>
      </c>
      <c r="G37" s="95" t="s">
        <v>12</v>
      </c>
      <c r="H37" s="95" t="s">
        <v>12</v>
      </c>
      <c r="I37" s="95" t="s">
        <v>11</v>
      </c>
      <c r="J37" s="95" t="s">
        <v>12</v>
      </c>
      <c r="K37" s="95" t="s">
        <v>11</v>
      </c>
      <c r="L37" s="95" t="s">
        <v>11</v>
      </c>
      <c r="M37" s="95" t="s">
        <v>11</v>
      </c>
      <c r="N37" s="162" t="s">
        <v>932</v>
      </c>
      <c r="O37" s="163" t="s">
        <v>933</v>
      </c>
      <c r="P37" s="95" t="s">
        <v>934</v>
      </c>
      <c r="Q37" s="114">
        <v>273</v>
      </c>
      <c r="R37" s="51" t="s">
        <v>1952</v>
      </c>
    </row>
    <row r="38" spans="1:18" s="51" customFormat="1" ht="50.15" customHeight="1">
      <c r="A38" s="97" t="s">
        <v>385</v>
      </c>
      <c r="B38" s="97" t="s">
        <v>1651</v>
      </c>
      <c r="C38" s="103"/>
      <c r="D38" s="95" t="s">
        <v>1110</v>
      </c>
      <c r="E38" s="95" t="s">
        <v>9</v>
      </c>
      <c r="F38" s="95" t="s">
        <v>10</v>
      </c>
      <c r="G38" s="95" t="s">
        <v>12</v>
      </c>
      <c r="H38" s="95" t="s">
        <v>12</v>
      </c>
      <c r="I38" s="95" t="s">
        <v>11</v>
      </c>
      <c r="J38" s="95" t="s">
        <v>12</v>
      </c>
      <c r="K38" s="95" t="s">
        <v>11</v>
      </c>
      <c r="L38" s="95" t="s">
        <v>11</v>
      </c>
      <c r="M38" s="95" t="s">
        <v>11</v>
      </c>
      <c r="N38" s="162" t="s">
        <v>932</v>
      </c>
      <c r="O38" s="164"/>
      <c r="P38" s="95" t="s">
        <v>925</v>
      </c>
      <c r="Q38" s="114">
        <v>273</v>
      </c>
      <c r="R38" s="51" t="s">
        <v>1953</v>
      </c>
    </row>
    <row r="39" spans="1:18" s="51" customFormat="1" ht="50.15" customHeight="1">
      <c r="A39" s="97" t="s">
        <v>385</v>
      </c>
      <c r="B39" s="97" t="s">
        <v>1652</v>
      </c>
      <c r="C39" s="102"/>
      <c r="D39" s="95" t="s">
        <v>1110</v>
      </c>
      <c r="E39" s="95" t="s">
        <v>9</v>
      </c>
      <c r="F39" s="95" t="s">
        <v>14</v>
      </c>
      <c r="G39" s="95" t="s">
        <v>12</v>
      </c>
      <c r="H39" s="95" t="s">
        <v>12</v>
      </c>
      <c r="I39" s="95" t="s">
        <v>11</v>
      </c>
      <c r="J39" s="95" t="s">
        <v>12</v>
      </c>
      <c r="K39" s="95" t="s">
        <v>11</v>
      </c>
      <c r="L39" s="95" t="s">
        <v>11</v>
      </c>
      <c r="M39" s="95" t="s">
        <v>11</v>
      </c>
      <c r="N39" s="162" t="s">
        <v>398</v>
      </c>
      <c r="O39" s="163" t="s">
        <v>933</v>
      </c>
      <c r="P39" s="95" t="s">
        <v>935</v>
      </c>
      <c r="Q39" s="114">
        <v>273</v>
      </c>
      <c r="R39" s="51" t="s">
        <v>1952</v>
      </c>
    </row>
    <row r="40" spans="1:18" s="51" customFormat="1" ht="50.15" customHeight="1">
      <c r="A40" s="97" t="s">
        <v>385</v>
      </c>
      <c r="B40" s="97" t="s">
        <v>1653</v>
      </c>
      <c r="C40" s="103"/>
      <c r="D40" s="95" t="s">
        <v>1110</v>
      </c>
      <c r="E40" s="95" t="s">
        <v>9</v>
      </c>
      <c r="F40" s="95" t="s">
        <v>10</v>
      </c>
      <c r="G40" s="95" t="s">
        <v>12</v>
      </c>
      <c r="H40" s="95" t="s">
        <v>12</v>
      </c>
      <c r="I40" s="95" t="s">
        <v>11</v>
      </c>
      <c r="J40" s="95" t="s">
        <v>12</v>
      </c>
      <c r="K40" s="95" t="s">
        <v>11</v>
      </c>
      <c r="L40" s="95" t="s">
        <v>11</v>
      </c>
      <c r="M40" s="95" t="s">
        <v>11</v>
      </c>
      <c r="N40" s="162" t="s">
        <v>398</v>
      </c>
      <c r="O40" s="164"/>
      <c r="P40" s="95" t="s">
        <v>926</v>
      </c>
      <c r="Q40" s="114">
        <v>273</v>
      </c>
      <c r="R40" s="51" t="s">
        <v>1952</v>
      </c>
    </row>
    <row r="41" spans="1:18" s="51" customFormat="1" ht="50.15" customHeight="1">
      <c r="A41" s="97" t="s">
        <v>385</v>
      </c>
      <c r="B41" s="95" t="s">
        <v>1072</v>
      </c>
      <c r="C41" s="102"/>
      <c r="D41" s="95" t="s">
        <v>447</v>
      </c>
      <c r="E41" s="95" t="s">
        <v>387</v>
      </c>
      <c r="F41" s="95" t="s">
        <v>388</v>
      </c>
      <c r="G41" s="95" t="s">
        <v>389</v>
      </c>
      <c r="H41" s="95" t="s">
        <v>389</v>
      </c>
      <c r="I41" s="95" t="s">
        <v>390</v>
      </c>
      <c r="J41" s="95" t="s">
        <v>389</v>
      </c>
      <c r="K41" s="95" t="s">
        <v>390</v>
      </c>
      <c r="L41" s="95" t="s">
        <v>390</v>
      </c>
      <c r="M41" s="95" t="s">
        <v>390</v>
      </c>
      <c r="N41" s="162" t="s">
        <v>1029</v>
      </c>
      <c r="O41" s="163" t="s">
        <v>1096</v>
      </c>
      <c r="P41" s="95" t="s">
        <v>1097</v>
      </c>
      <c r="Q41" s="114">
        <v>273</v>
      </c>
      <c r="R41" s="51" t="s">
        <v>1953</v>
      </c>
    </row>
    <row r="42" spans="1:18" s="51" customFormat="1" ht="50.15" customHeight="1">
      <c r="A42" s="97" t="s">
        <v>385</v>
      </c>
      <c r="B42" s="95" t="s">
        <v>1073</v>
      </c>
      <c r="C42" s="103"/>
      <c r="D42" s="95" t="s">
        <v>447</v>
      </c>
      <c r="E42" s="95" t="s">
        <v>387</v>
      </c>
      <c r="F42" s="95" t="s">
        <v>395</v>
      </c>
      <c r="G42" s="95" t="s">
        <v>389</v>
      </c>
      <c r="H42" s="95" t="s">
        <v>389</v>
      </c>
      <c r="I42" s="95" t="s">
        <v>390</v>
      </c>
      <c r="J42" s="95" t="s">
        <v>12</v>
      </c>
      <c r="K42" s="95" t="s">
        <v>390</v>
      </c>
      <c r="L42" s="95" t="s">
        <v>390</v>
      </c>
      <c r="M42" s="95" t="s">
        <v>390</v>
      </c>
      <c r="N42" s="162" t="s">
        <v>1029</v>
      </c>
      <c r="O42" s="164"/>
      <c r="P42" s="95" t="s">
        <v>1098</v>
      </c>
      <c r="Q42" s="114">
        <v>273</v>
      </c>
      <c r="R42" s="51" t="s">
        <v>1952</v>
      </c>
    </row>
    <row r="43" spans="1:18" s="51" customFormat="1" ht="50.15" customHeight="1">
      <c r="A43" s="97" t="s">
        <v>385</v>
      </c>
      <c r="B43" s="95" t="s">
        <v>1074</v>
      </c>
      <c r="C43" s="96"/>
      <c r="D43" s="95" t="s">
        <v>447</v>
      </c>
      <c r="E43" s="95" t="s">
        <v>387</v>
      </c>
      <c r="F43" s="95" t="s">
        <v>388</v>
      </c>
      <c r="G43" s="95" t="s">
        <v>389</v>
      </c>
      <c r="H43" s="95" t="s">
        <v>389</v>
      </c>
      <c r="I43" s="95" t="s">
        <v>390</v>
      </c>
      <c r="J43" s="95" t="s">
        <v>12</v>
      </c>
      <c r="K43" s="95" t="s">
        <v>390</v>
      </c>
      <c r="L43" s="95" t="s">
        <v>390</v>
      </c>
      <c r="M43" s="95" t="s">
        <v>390</v>
      </c>
      <c r="N43" s="162" t="s">
        <v>592</v>
      </c>
      <c r="O43" s="170" t="s">
        <v>1099</v>
      </c>
      <c r="P43" s="95" t="s">
        <v>1100</v>
      </c>
      <c r="Q43" s="114">
        <v>273</v>
      </c>
      <c r="R43" s="51" t="s">
        <v>1952</v>
      </c>
    </row>
    <row r="44" spans="1:18" s="51" customFormat="1" ht="50.15" customHeight="1">
      <c r="A44" s="96" t="s">
        <v>385</v>
      </c>
      <c r="B44" s="170" t="s">
        <v>1075</v>
      </c>
      <c r="C44" s="96"/>
      <c r="D44" s="170" t="s">
        <v>447</v>
      </c>
      <c r="E44" s="170" t="s">
        <v>387</v>
      </c>
      <c r="F44" s="170" t="s">
        <v>388</v>
      </c>
      <c r="G44" s="170" t="s">
        <v>389</v>
      </c>
      <c r="H44" s="170" t="s">
        <v>389</v>
      </c>
      <c r="I44" s="170" t="s">
        <v>390</v>
      </c>
      <c r="J44" s="170" t="s">
        <v>12</v>
      </c>
      <c r="K44" s="170" t="s">
        <v>390</v>
      </c>
      <c r="L44" s="170" t="s">
        <v>390</v>
      </c>
      <c r="M44" s="170" t="s">
        <v>390</v>
      </c>
      <c r="N44" s="171" t="s">
        <v>1029</v>
      </c>
      <c r="O44" s="170" t="s">
        <v>1099</v>
      </c>
      <c r="P44" s="170" t="s">
        <v>1101</v>
      </c>
      <c r="Q44" s="114">
        <v>273</v>
      </c>
      <c r="R44" s="51" t="s">
        <v>1953</v>
      </c>
    </row>
    <row r="45" spans="1:18" s="51" customFormat="1" ht="50.15" customHeight="1">
      <c r="A45" s="172" t="s">
        <v>1503</v>
      </c>
      <c r="B45" s="172" t="s">
        <v>1504</v>
      </c>
      <c r="C45" s="102"/>
      <c r="D45" s="170" t="s">
        <v>1468</v>
      </c>
      <c r="E45" s="173" t="s">
        <v>9</v>
      </c>
      <c r="F45" s="173" t="s">
        <v>14</v>
      </c>
      <c r="G45" s="173" t="s">
        <v>12</v>
      </c>
      <c r="H45" s="173" t="s">
        <v>12</v>
      </c>
      <c r="I45" s="173" t="s">
        <v>12</v>
      </c>
      <c r="J45" s="173" t="s">
        <v>12</v>
      </c>
      <c r="K45" s="173" t="s">
        <v>11</v>
      </c>
      <c r="L45" s="173" t="s">
        <v>11</v>
      </c>
      <c r="M45" s="173" t="s">
        <v>12</v>
      </c>
      <c r="N45" s="174" t="s">
        <v>932</v>
      </c>
      <c r="O45" s="175" t="s">
        <v>1509</v>
      </c>
      <c r="P45" s="170" t="s">
        <v>1510</v>
      </c>
      <c r="Q45" s="114">
        <v>365</v>
      </c>
      <c r="R45" s="51" t="s">
        <v>1952</v>
      </c>
    </row>
    <row r="46" spans="1:18" s="51" customFormat="1" ht="50.15" customHeight="1">
      <c r="A46" s="172" t="s">
        <v>1503</v>
      </c>
      <c r="B46" s="172" t="s">
        <v>1505</v>
      </c>
      <c r="C46" s="103"/>
      <c r="D46" s="170" t="s">
        <v>912</v>
      </c>
      <c r="E46" s="173" t="s">
        <v>9</v>
      </c>
      <c r="F46" s="173" t="s">
        <v>10</v>
      </c>
      <c r="G46" s="173" t="s">
        <v>12</v>
      </c>
      <c r="H46" s="173" t="s">
        <v>12</v>
      </c>
      <c r="I46" s="173" t="s">
        <v>12</v>
      </c>
      <c r="J46" s="173" t="s">
        <v>12</v>
      </c>
      <c r="K46" s="173" t="s">
        <v>11</v>
      </c>
      <c r="L46" s="173" t="s">
        <v>11</v>
      </c>
      <c r="M46" s="173" t="s">
        <v>12</v>
      </c>
      <c r="N46" s="174" t="s">
        <v>932</v>
      </c>
      <c r="O46" s="176"/>
      <c r="P46" s="52" t="s">
        <v>1511</v>
      </c>
      <c r="Q46" s="114">
        <v>365</v>
      </c>
      <c r="R46" s="51" t="s">
        <v>1953</v>
      </c>
    </row>
    <row r="47" spans="1:18" s="51" customFormat="1" ht="50.15" customHeight="1">
      <c r="A47" s="172" t="s">
        <v>1503</v>
      </c>
      <c r="B47" s="172" t="s">
        <v>1842</v>
      </c>
      <c r="C47" s="102"/>
      <c r="D47" s="170" t="s">
        <v>912</v>
      </c>
      <c r="E47" s="173" t="s">
        <v>9</v>
      </c>
      <c r="F47" s="173" t="s">
        <v>14</v>
      </c>
      <c r="G47" s="173" t="s">
        <v>12</v>
      </c>
      <c r="H47" s="173" t="s">
        <v>12</v>
      </c>
      <c r="I47" s="173" t="s">
        <v>12</v>
      </c>
      <c r="J47" s="173" t="s">
        <v>12</v>
      </c>
      <c r="K47" s="173" t="s">
        <v>11</v>
      </c>
      <c r="L47" s="173" t="s">
        <v>11</v>
      </c>
      <c r="M47" s="173" t="s">
        <v>1512</v>
      </c>
      <c r="N47" s="174" t="s">
        <v>398</v>
      </c>
      <c r="O47" s="175" t="s">
        <v>1513</v>
      </c>
      <c r="P47" s="52" t="s">
        <v>1467</v>
      </c>
      <c r="Q47" s="114">
        <v>365</v>
      </c>
      <c r="R47" s="51" t="s">
        <v>1952</v>
      </c>
    </row>
    <row r="48" spans="1:18" s="51" customFormat="1" ht="50.15" customHeight="1">
      <c r="A48" s="172" t="s">
        <v>1503</v>
      </c>
      <c r="B48" s="172" t="s">
        <v>1506</v>
      </c>
      <c r="C48" s="103"/>
      <c r="D48" s="170" t="s">
        <v>912</v>
      </c>
      <c r="E48" s="173" t="s">
        <v>9</v>
      </c>
      <c r="F48" s="173" t="s">
        <v>10</v>
      </c>
      <c r="G48" s="173" t="s">
        <v>12</v>
      </c>
      <c r="H48" s="173" t="s">
        <v>12</v>
      </c>
      <c r="I48" s="173" t="s">
        <v>12</v>
      </c>
      <c r="J48" s="173" t="s">
        <v>12</v>
      </c>
      <c r="K48" s="173" t="s">
        <v>11</v>
      </c>
      <c r="L48" s="173" t="s">
        <v>11</v>
      </c>
      <c r="M48" s="173" t="s">
        <v>11</v>
      </c>
      <c r="N48" s="174" t="s">
        <v>398</v>
      </c>
      <c r="O48" s="176"/>
      <c r="P48" s="52" t="s">
        <v>1514</v>
      </c>
      <c r="Q48" s="114">
        <v>365</v>
      </c>
      <c r="R48" s="51" t="s">
        <v>1953</v>
      </c>
    </row>
    <row r="49" spans="1:19" s="51" customFormat="1" ht="50.15" customHeight="1">
      <c r="A49" s="172" t="s">
        <v>1503</v>
      </c>
      <c r="B49" s="172" t="s">
        <v>1507</v>
      </c>
      <c r="C49" s="102"/>
      <c r="D49" s="170" t="s">
        <v>912</v>
      </c>
      <c r="E49" s="173" t="s">
        <v>9</v>
      </c>
      <c r="F49" s="173" t="s">
        <v>14</v>
      </c>
      <c r="G49" s="173" t="s">
        <v>12</v>
      </c>
      <c r="H49" s="173" t="s">
        <v>12</v>
      </c>
      <c r="I49" s="173" t="s">
        <v>12</v>
      </c>
      <c r="J49" s="173" t="s">
        <v>1515</v>
      </c>
      <c r="K49" s="173" t="s">
        <v>11</v>
      </c>
      <c r="L49" s="173" t="s">
        <v>11</v>
      </c>
      <c r="M49" s="173" t="s">
        <v>12</v>
      </c>
      <c r="N49" s="174" t="s">
        <v>398</v>
      </c>
      <c r="O49" s="175" t="s">
        <v>1516</v>
      </c>
      <c r="P49" s="52" t="s">
        <v>1517</v>
      </c>
      <c r="Q49" s="114">
        <v>365</v>
      </c>
      <c r="R49" s="51" t="s">
        <v>1952</v>
      </c>
    </row>
    <row r="50" spans="1:19" s="51" customFormat="1" ht="50.15" customHeight="1">
      <c r="A50" s="172" t="s">
        <v>1503</v>
      </c>
      <c r="B50" s="172" t="s">
        <v>1508</v>
      </c>
      <c r="C50" s="103"/>
      <c r="D50" s="170" t="s">
        <v>912</v>
      </c>
      <c r="E50" s="173" t="s">
        <v>9</v>
      </c>
      <c r="F50" s="173" t="s">
        <v>10</v>
      </c>
      <c r="G50" s="173" t="s">
        <v>12</v>
      </c>
      <c r="H50" s="173" t="s">
        <v>12</v>
      </c>
      <c r="I50" s="173" t="s">
        <v>12</v>
      </c>
      <c r="J50" s="173" t="s">
        <v>12</v>
      </c>
      <c r="K50" s="173" t="s">
        <v>11</v>
      </c>
      <c r="L50" s="173" t="s">
        <v>11</v>
      </c>
      <c r="M50" s="173" t="s">
        <v>12</v>
      </c>
      <c r="N50" s="174" t="s">
        <v>398</v>
      </c>
      <c r="O50" s="176"/>
      <c r="P50" s="52" t="s">
        <v>1518</v>
      </c>
      <c r="Q50" s="114">
        <v>365</v>
      </c>
      <c r="R50" s="51" t="s">
        <v>1952</v>
      </c>
    </row>
    <row r="51" spans="1:19" s="50" customFormat="1" ht="50.15" customHeight="1">
      <c r="A51" s="177" t="s">
        <v>333</v>
      </c>
      <c r="B51" s="178"/>
      <c r="C51" s="178"/>
      <c r="D51" s="178"/>
      <c r="E51" s="178"/>
      <c r="F51" s="178"/>
      <c r="G51" s="178"/>
      <c r="H51" s="178"/>
      <c r="I51" s="178"/>
      <c r="J51" s="178"/>
      <c r="K51" s="178"/>
      <c r="L51" s="178"/>
      <c r="M51" s="178"/>
      <c r="N51" s="178"/>
      <c r="O51" s="178"/>
      <c r="P51" s="178"/>
      <c r="Q51" s="179"/>
      <c r="R51" s="125"/>
      <c r="S51" s="125"/>
    </row>
    <row r="52" spans="1:19" s="124" customFormat="1" ht="50.15" customHeight="1">
      <c r="A52" s="115" t="s">
        <v>7</v>
      </c>
      <c r="B52" s="116" t="s">
        <v>405</v>
      </c>
      <c r="C52" s="117"/>
      <c r="D52" s="116" t="s">
        <v>8</v>
      </c>
      <c r="E52" s="115" t="s">
        <v>9</v>
      </c>
      <c r="F52" s="116" t="s">
        <v>10</v>
      </c>
      <c r="G52" s="116" t="s">
        <v>12</v>
      </c>
      <c r="H52" s="116" t="s">
        <v>402</v>
      </c>
      <c r="I52" s="116" t="s">
        <v>11</v>
      </c>
      <c r="J52" s="116" t="s">
        <v>11</v>
      </c>
      <c r="K52" s="116" t="s">
        <v>11</v>
      </c>
      <c r="L52" s="116" t="s">
        <v>11</v>
      </c>
      <c r="M52" s="116" t="s">
        <v>11</v>
      </c>
      <c r="N52" s="116" t="s">
        <v>403</v>
      </c>
      <c r="O52" s="118" t="s">
        <v>404</v>
      </c>
      <c r="P52" s="116" t="s">
        <v>334</v>
      </c>
      <c r="Q52" s="148">
        <v>178</v>
      </c>
      <c r="R52" s="120" t="s">
        <v>1952</v>
      </c>
      <c r="S52" s="120" t="s">
        <v>1954</v>
      </c>
    </row>
    <row r="53" spans="1:19" s="124" customFormat="1" ht="50.15" customHeight="1">
      <c r="A53" s="115" t="s">
        <v>565</v>
      </c>
      <c r="B53" s="181" t="s">
        <v>568</v>
      </c>
      <c r="C53" s="119"/>
      <c r="D53" s="116" t="s">
        <v>566</v>
      </c>
      <c r="E53" s="115" t="s">
        <v>9</v>
      </c>
      <c r="F53" s="116" t="s">
        <v>14</v>
      </c>
      <c r="G53" s="116" t="s">
        <v>12</v>
      </c>
      <c r="H53" s="116" t="s">
        <v>12</v>
      </c>
      <c r="I53" s="116" t="s">
        <v>11</v>
      </c>
      <c r="J53" s="116" t="s">
        <v>11</v>
      </c>
      <c r="K53" s="116" t="s">
        <v>11</v>
      </c>
      <c r="L53" s="116" t="s">
        <v>11</v>
      </c>
      <c r="M53" s="116" t="s">
        <v>11</v>
      </c>
      <c r="N53" s="181" t="s">
        <v>569</v>
      </c>
      <c r="O53" s="182" t="s">
        <v>567</v>
      </c>
      <c r="P53" s="116" t="s">
        <v>570</v>
      </c>
      <c r="Q53" s="148">
        <v>128</v>
      </c>
      <c r="R53" s="120" t="s">
        <v>1952</v>
      </c>
      <c r="S53" s="120" t="s">
        <v>1954</v>
      </c>
    </row>
    <row r="54" spans="1:19" s="51" customFormat="1" ht="50.15" customHeight="1">
      <c r="A54" s="42" t="s">
        <v>406</v>
      </c>
      <c r="B54" s="52" t="s">
        <v>495</v>
      </c>
      <c r="C54" s="99"/>
      <c r="D54" s="95" t="s">
        <v>407</v>
      </c>
      <c r="E54" s="43" t="s">
        <v>9</v>
      </c>
      <c r="F54" s="95" t="s">
        <v>14</v>
      </c>
      <c r="G54" s="95" t="s">
        <v>12</v>
      </c>
      <c r="H54" s="95" t="s">
        <v>12</v>
      </c>
      <c r="I54" s="95" t="s">
        <v>12</v>
      </c>
      <c r="J54" s="95" t="s">
        <v>12</v>
      </c>
      <c r="K54" s="95" t="s">
        <v>11</v>
      </c>
      <c r="L54" s="95" t="s">
        <v>11</v>
      </c>
      <c r="M54" s="95" t="s">
        <v>11</v>
      </c>
      <c r="N54" s="95" t="s">
        <v>22</v>
      </c>
      <c r="O54" s="105" t="s">
        <v>408</v>
      </c>
      <c r="P54" s="95" t="s">
        <v>593</v>
      </c>
      <c r="Q54" s="114">
        <v>170</v>
      </c>
      <c r="R54" s="51" t="s">
        <v>1952</v>
      </c>
    </row>
    <row r="55" spans="1:19" s="51" customFormat="1" ht="50.15" customHeight="1">
      <c r="A55" s="42" t="s">
        <v>406</v>
      </c>
      <c r="B55" s="52" t="s">
        <v>496</v>
      </c>
      <c r="C55" s="100"/>
      <c r="D55" s="95" t="s">
        <v>407</v>
      </c>
      <c r="E55" s="43" t="s">
        <v>9</v>
      </c>
      <c r="F55" s="95" t="s">
        <v>10</v>
      </c>
      <c r="G55" s="95" t="s">
        <v>12</v>
      </c>
      <c r="H55" s="95" t="s">
        <v>12</v>
      </c>
      <c r="I55" s="95" t="s">
        <v>12</v>
      </c>
      <c r="J55" s="95" t="s">
        <v>12</v>
      </c>
      <c r="K55" s="95" t="s">
        <v>11</v>
      </c>
      <c r="L55" s="95" t="s">
        <v>11</v>
      </c>
      <c r="M55" s="95" t="s">
        <v>11</v>
      </c>
      <c r="N55" s="95" t="s">
        <v>22</v>
      </c>
      <c r="O55" s="106"/>
      <c r="P55" s="95" t="s">
        <v>594</v>
      </c>
      <c r="Q55" s="114">
        <v>170</v>
      </c>
      <c r="R55" s="51" t="s">
        <v>1952</v>
      </c>
    </row>
    <row r="56" spans="1:19" s="51" customFormat="1" ht="50.15" customHeight="1">
      <c r="A56" s="42" t="s">
        <v>406</v>
      </c>
      <c r="B56" s="54" t="s">
        <v>494</v>
      </c>
      <c r="C56" s="101"/>
      <c r="D56" s="95" t="s">
        <v>407</v>
      </c>
      <c r="E56" s="43" t="s">
        <v>9</v>
      </c>
      <c r="F56" s="95" t="s">
        <v>14</v>
      </c>
      <c r="G56" s="95" t="s">
        <v>12</v>
      </c>
      <c r="H56" s="95" t="s">
        <v>12</v>
      </c>
      <c r="I56" s="95" t="s">
        <v>12</v>
      </c>
      <c r="J56" s="95" t="s">
        <v>11</v>
      </c>
      <c r="K56" s="95" t="s">
        <v>11</v>
      </c>
      <c r="L56" s="95" t="s">
        <v>11</v>
      </c>
      <c r="M56" s="95" t="s">
        <v>11</v>
      </c>
      <c r="N56" s="95" t="s">
        <v>606</v>
      </c>
      <c r="O56" s="105" t="s">
        <v>408</v>
      </c>
      <c r="P56" s="95" t="s">
        <v>607</v>
      </c>
      <c r="Q56" s="114">
        <v>170</v>
      </c>
      <c r="R56" s="51" t="s">
        <v>1952</v>
      </c>
    </row>
    <row r="57" spans="1:19" s="51" customFormat="1" ht="50.15" customHeight="1">
      <c r="A57" s="42" t="s">
        <v>406</v>
      </c>
      <c r="B57" s="54" t="s">
        <v>490</v>
      </c>
      <c r="C57" s="101"/>
      <c r="D57" s="95" t="s">
        <v>407</v>
      </c>
      <c r="E57" s="43" t="s">
        <v>9</v>
      </c>
      <c r="F57" s="95" t="s">
        <v>10</v>
      </c>
      <c r="G57" s="95" t="s">
        <v>12</v>
      </c>
      <c r="H57" s="95" t="s">
        <v>12</v>
      </c>
      <c r="I57" s="95" t="s">
        <v>12</v>
      </c>
      <c r="J57" s="95" t="s">
        <v>11</v>
      </c>
      <c r="K57" s="95" t="s">
        <v>11</v>
      </c>
      <c r="L57" s="95" t="s">
        <v>11</v>
      </c>
      <c r="M57" s="95" t="s">
        <v>11</v>
      </c>
      <c r="N57" s="95" t="s">
        <v>606</v>
      </c>
      <c r="O57" s="106"/>
      <c r="P57" s="95" t="s">
        <v>608</v>
      </c>
      <c r="Q57" s="114">
        <v>170</v>
      </c>
      <c r="R57" s="51" t="s">
        <v>1952</v>
      </c>
    </row>
    <row r="58" spans="1:19" s="51" customFormat="1" ht="50.15" customHeight="1">
      <c r="A58" s="45" t="s">
        <v>406</v>
      </c>
      <c r="B58" s="52" t="s">
        <v>491</v>
      </c>
      <c r="C58" s="102"/>
      <c r="D58" s="95" t="s">
        <v>407</v>
      </c>
      <c r="E58" s="43" t="s">
        <v>9</v>
      </c>
      <c r="F58" s="95" t="s">
        <v>14</v>
      </c>
      <c r="G58" s="95" t="s">
        <v>12</v>
      </c>
      <c r="H58" s="95" t="s">
        <v>12</v>
      </c>
      <c r="I58" s="95" t="s">
        <v>12</v>
      </c>
      <c r="J58" s="95" t="s">
        <v>12</v>
      </c>
      <c r="K58" s="95" t="s">
        <v>11</v>
      </c>
      <c r="L58" s="95" t="s">
        <v>11</v>
      </c>
      <c r="M58" s="95" t="s">
        <v>11</v>
      </c>
      <c r="N58" s="95" t="s">
        <v>609</v>
      </c>
      <c r="O58" s="105" t="s">
        <v>408</v>
      </c>
      <c r="P58" s="95" t="s">
        <v>610</v>
      </c>
      <c r="Q58" s="114">
        <v>170</v>
      </c>
      <c r="R58" s="51" t="s">
        <v>1952</v>
      </c>
    </row>
    <row r="59" spans="1:19" s="51" customFormat="1" ht="50.15" customHeight="1">
      <c r="A59" s="45" t="s">
        <v>406</v>
      </c>
      <c r="B59" s="52" t="s">
        <v>489</v>
      </c>
      <c r="C59" s="103"/>
      <c r="D59" s="95" t="s">
        <v>407</v>
      </c>
      <c r="E59" s="43" t="s">
        <v>9</v>
      </c>
      <c r="F59" s="95" t="s">
        <v>10</v>
      </c>
      <c r="G59" s="95" t="s">
        <v>12</v>
      </c>
      <c r="H59" s="95" t="s">
        <v>12</v>
      </c>
      <c r="I59" s="95" t="s">
        <v>12</v>
      </c>
      <c r="J59" s="95" t="s">
        <v>12</v>
      </c>
      <c r="K59" s="95" t="s">
        <v>11</v>
      </c>
      <c r="L59" s="95" t="s">
        <v>11</v>
      </c>
      <c r="M59" s="95" t="s">
        <v>11</v>
      </c>
      <c r="N59" s="95" t="s">
        <v>609</v>
      </c>
      <c r="O59" s="106"/>
      <c r="P59" s="95" t="s">
        <v>611</v>
      </c>
      <c r="Q59" s="114">
        <v>170</v>
      </c>
      <c r="R59" s="51" t="s">
        <v>1952</v>
      </c>
    </row>
    <row r="60" spans="1:19" s="51" customFormat="1" ht="50.15" customHeight="1">
      <c r="A60" s="45" t="s">
        <v>565</v>
      </c>
      <c r="B60" s="52" t="s">
        <v>571</v>
      </c>
      <c r="C60" s="102"/>
      <c r="D60" s="95" t="s">
        <v>595</v>
      </c>
      <c r="E60" s="43" t="s">
        <v>9</v>
      </c>
      <c r="F60" s="95" t="s">
        <v>14</v>
      </c>
      <c r="G60" s="95" t="s">
        <v>12</v>
      </c>
      <c r="H60" s="95" t="s">
        <v>12</v>
      </c>
      <c r="I60" s="95" t="s">
        <v>12</v>
      </c>
      <c r="J60" s="95" t="s">
        <v>12</v>
      </c>
      <c r="K60" s="95" t="s">
        <v>11</v>
      </c>
      <c r="L60" s="95" t="s">
        <v>11</v>
      </c>
      <c r="M60" s="95" t="s">
        <v>11</v>
      </c>
      <c r="N60" s="95" t="s">
        <v>13</v>
      </c>
      <c r="O60" s="104" t="s">
        <v>596</v>
      </c>
      <c r="P60" s="95" t="s">
        <v>597</v>
      </c>
      <c r="Q60" s="114">
        <v>182</v>
      </c>
      <c r="R60" s="51" t="s">
        <v>1952</v>
      </c>
    </row>
    <row r="61" spans="1:19" s="51" customFormat="1" ht="50.15" customHeight="1">
      <c r="A61" s="45" t="s">
        <v>565</v>
      </c>
      <c r="B61" s="52" t="s">
        <v>572</v>
      </c>
      <c r="C61" s="103"/>
      <c r="D61" s="95" t="s">
        <v>595</v>
      </c>
      <c r="E61" s="43" t="s">
        <v>9</v>
      </c>
      <c r="F61" s="95" t="s">
        <v>10</v>
      </c>
      <c r="G61" s="95" t="s">
        <v>12</v>
      </c>
      <c r="H61" s="95" t="s">
        <v>12</v>
      </c>
      <c r="I61" s="95" t="s">
        <v>12</v>
      </c>
      <c r="J61" s="95" t="s">
        <v>12</v>
      </c>
      <c r="K61" s="95" t="s">
        <v>11</v>
      </c>
      <c r="L61" s="95" t="s">
        <v>11</v>
      </c>
      <c r="M61" s="95" t="s">
        <v>11</v>
      </c>
      <c r="N61" s="95" t="s">
        <v>13</v>
      </c>
      <c r="O61" s="104"/>
      <c r="P61" s="95" t="s">
        <v>598</v>
      </c>
      <c r="Q61" s="114">
        <v>182</v>
      </c>
      <c r="R61" s="51" t="s">
        <v>1952</v>
      </c>
    </row>
    <row r="62" spans="1:19" s="51" customFormat="1" ht="50.15" customHeight="1">
      <c r="A62" s="45" t="s">
        <v>565</v>
      </c>
      <c r="B62" s="52" t="s">
        <v>573</v>
      </c>
      <c r="C62" s="102"/>
      <c r="D62" s="95" t="s">
        <v>595</v>
      </c>
      <c r="E62" s="43" t="s">
        <v>9</v>
      </c>
      <c r="F62" s="95" t="s">
        <v>590</v>
      </c>
      <c r="G62" s="95" t="s">
        <v>591</v>
      </c>
      <c r="H62" s="95" t="s">
        <v>591</v>
      </c>
      <c r="I62" s="95" t="s">
        <v>591</v>
      </c>
      <c r="J62" s="95" t="s">
        <v>11</v>
      </c>
      <c r="K62" s="95" t="s">
        <v>11</v>
      </c>
      <c r="L62" s="95" t="s">
        <v>11</v>
      </c>
      <c r="M62" s="95" t="s">
        <v>11</v>
      </c>
      <c r="N62" s="95" t="s">
        <v>599</v>
      </c>
      <c r="O62" s="104" t="s">
        <v>600</v>
      </c>
      <c r="P62" s="95" t="s">
        <v>601</v>
      </c>
      <c r="Q62" s="114">
        <v>182</v>
      </c>
      <c r="R62" s="51" t="s">
        <v>1952</v>
      </c>
    </row>
    <row r="63" spans="1:19" s="51" customFormat="1" ht="50.15" customHeight="1">
      <c r="A63" s="45" t="s">
        <v>565</v>
      </c>
      <c r="B63" s="52" t="s">
        <v>574</v>
      </c>
      <c r="C63" s="103"/>
      <c r="D63" s="95" t="s">
        <v>595</v>
      </c>
      <c r="E63" s="43" t="s">
        <v>9</v>
      </c>
      <c r="F63" s="95" t="s">
        <v>10</v>
      </c>
      <c r="G63" s="95" t="s">
        <v>591</v>
      </c>
      <c r="H63" s="95" t="s">
        <v>591</v>
      </c>
      <c r="I63" s="95" t="s">
        <v>591</v>
      </c>
      <c r="J63" s="95" t="s">
        <v>11</v>
      </c>
      <c r="K63" s="95" t="s">
        <v>11</v>
      </c>
      <c r="L63" s="95" t="s">
        <v>11</v>
      </c>
      <c r="M63" s="95" t="s">
        <v>11</v>
      </c>
      <c r="N63" s="95" t="s">
        <v>599</v>
      </c>
      <c r="O63" s="104"/>
      <c r="P63" s="95" t="s">
        <v>602</v>
      </c>
      <c r="Q63" s="114">
        <v>182</v>
      </c>
      <c r="R63" s="51" t="s">
        <v>1953</v>
      </c>
    </row>
    <row r="64" spans="1:19" s="51" customFormat="1" ht="50.15" customHeight="1">
      <c r="A64" s="45" t="s">
        <v>565</v>
      </c>
      <c r="B64" s="52" t="s">
        <v>575</v>
      </c>
      <c r="C64" s="102"/>
      <c r="D64" s="95" t="s">
        <v>595</v>
      </c>
      <c r="E64" s="43" t="s">
        <v>9</v>
      </c>
      <c r="F64" s="95" t="s">
        <v>14</v>
      </c>
      <c r="G64" s="95" t="s">
        <v>12</v>
      </c>
      <c r="H64" s="95" t="s">
        <v>12</v>
      </c>
      <c r="I64" s="95" t="s">
        <v>12</v>
      </c>
      <c r="J64" s="95" t="s">
        <v>12</v>
      </c>
      <c r="K64" s="95" t="s">
        <v>11</v>
      </c>
      <c r="L64" s="95" t="s">
        <v>11</v>
      </c>
      <c r="M64" s="95" t="s">
        <v>11</v>
      </c>
      <c r="N64" s="95" t="s">
        <v>13</v>
      </c>
      <c r="O64" s="104" t="s">
        <v>603</v>
      </c>
      <c r="P64" s="55" t="s">
        <v>604</v>
      </c>
      <c r="Q64" s="114">
        <v>182</v>
      </c>
      <c r="R64" s="51" t="s">
        <v>1952</v>
      </c>
    </row>
    <row r="65" spans="1:19" s="51" customFormat="1" ht="50.15" customHeight="1">
      <c r="A65" s="45" t="s">
        <v>565</v>
      </c>
      <c r="B65" s="52" t="s">
        <v>576</v>
      </c>
      <c r="C65" s="103"/>
      <c r="D65" s="95" t="s">
        <v>82</v>
      </c>
      <c r="E65" s="43" t="s">
        <v>9</v>
      </c>
      <c r="F65" s="95" t="s">
        <v>10</v>
      </c>
      <c r="G65" s="95" t="s">
        <v>12</v>
      </c>
      <c r="H65" s="95" t="s">
        <v>12</v>
      </c>
      <c r="I65" s="95" t="s">
        <v>12</v>
      </c>
      <c r="J65" s="95" t="s">
        <v>12</v>
      </c>
      <c r="K65" s="95" t="s">
        <v>11</v>
      </c>
      <c r="L65" s="95" t="s">
        <v>11</v>
      </c>
      <c r="M65" s="95" t="s">
        <v>11</v>
      </c>
      <c r="N65" s="95" t="s">
        <v>13</v>
      </c>
      <c r="O65" s="104"/>
      <c r="P65" s="55" t="s">
        <v>605</v>
      </c>
      <c r="Q65" s="114">
        <v>182</v>
      </c>
      <c r="R65" s="51" t="s">
        <v>1953</v>
      </c>
    </row>
    <row r="66" spans="1:19" s="150" customFormat="1" ht="50.15" customHeight="1">
      <c r="A66" s="115" t="s">
        <v>7</v>
      </c>
      <c r="B66" s="116" t="s">
        <v>16</v>
      </c>
      <c r="C66" s="183"/>
      <c r="D66" s="116" t="s">
        <v>247</v>
      </c>
      <c r="E66" s="115" t="s">
        <v>250</v>
      </c>
      <c r="F66" s="116" t="s">
        <v>274</v>
      </c>
      <c r="G66" s="116" t="s">
        <v>252</v>
      </c>
      <c r="H66" s="116" t="s">
        <v>253</v>
      </c>
      <c r="I66" s="116" t="s">
        <v>11</v>
      </c>
      <c r="J66" s="116" t="s">
        <v>11</v>
      </c>
      <c r="K66" s="116" t="s">
        <v>11</v>
      </c>
      <c r="L66" s="116" t="s">
        <v>11</v>
      </c>
      <c r="M66" s="116" t="s">
        <v>12</v>
      </c>
      <c r="N66" s="116" t="s">
        <v>254</v>
      </c>
      <c r="O66" s="116"/>
      <c r="P66" s="116" t="s">
        <v>17</v>
      </c>
      <c r="Q66" s="148">
        <v>128</v>
      </c>
      <c r="R66" s="149" t="s">
        <v>1952</v>
      </c>
      <c r="S66" s="149" t="s">
        <v>1954</v>
      </c>
    </row>
    <row r="67" spans="1:19" s="150" customFormat="1" ht="50.15" customHeight="1">
      <c r="A67" s="115" t="s">
        <v>7</v>
      </c>
      <c r="B67" s="116" t="s">
        <v>276</v>
      </c>
      <c r="C67" s="183"/>
      <c r="D67" s="116" t="s">
        <v>277</v>
      </c>
      <c r="E67" s="115" t="s">
        <v>9</v>
      </c>
      <c r="F67" s="116" t="s">
        <v>10</v>
      </c>
      <c r="G67" s="116" t="s">
        <v>12</v>
      </c>
      <c r="H67" s="116" t="s">
        <v>11</v>
      </c>
      <c r="I67" s="116" t="s">
        <v>11</v>
      </c>
      <c r="J67" s="116" t="s">
        <v>11</v>
      </c>
      <c r="K67" s="116" t="s">
        <v>11</v>
      </c>
      <c r="L67" s="116" t="s">
        <v>11</v>
      </c>
      <c r="M67" s="116" t="s">
        <v>12</v>
      </c>
      <c r="N67" s="116" t="s">
        <v>13</v>
      </c>
      <c r="O67" s="116"/>
      <c r="P67" s="116" t="s">
        <v>147</v>
      </c>
      <c r="Q67" s="148">
        <v>132</v>
      </c>
      <c r="R67" s="149" t="s">
        <v>1952</v>
      </c>
      <c r="S67" s="149" t="s">
        <v>1954</v>
      </c>
    </row>
    <row r="68" spans="1:19" s="150" customFormat="1" ht="50.15" customHeight="1">
      <c r="A68" s="115" t="s">
        <v>7</v>
      </c>
      <c r="B68" s="116" t="s">
        <v>278</v>
      </c>
      <c r="C68" s="183"/>
      <c r="D68" s="116" t="s">
        <v>18</v>
      </c>
      <c r="E68" s="115" t="s">
        <v>9</v>
      </c>
      <c r="F68" s="116" t="s">
        <v>15</v>
      </c>
      <c r="G68" s="116" t="s">
        <v>12</v>
      </c>
      <c r="H68" s="116" t="s">
        <v>11</v>
      </c>
      <c r="I68" s="116" t="s">
        <v>11</v>
      </c>
      <c r="J68" s="116" t="s">
        <v>11</v>
      </c>
      <c r="K68" s="116" t="s">
        <v>11</v>
      </c>
      <c r="L68" s="116" t="s">
        <v>11</v>
      </c>
      <c r="M68" s="116" t="s">
        <v>12</v>
      </c>
      <c r="N68" s="116" t="s">
        <v>13</v>
      </c>
      <c r="O68" s="116"/>
      <c r="P68" s="116" t="s">
        <v>19</v>
      </c>
      <c r="Q68" s="148">
        <v>132</v>
      </c>
      <c r="R68" s="149" t="s">
        <v>1952</v>
      </c>
      <c r="S68" s="149" t="s">
        <v>1954</v>
      </c>
    </row>
    <row r="69" spans="1:19" s="74" customFormat="1" ht="50.15" customHeight="1">
      <c r="A69" s="45" t="s">
        <v>7</v>
      </c>
      <c r="B69" s="184" t="s">
        <v>1453</v>
      </c>
      <c r="C69" s="185"/>
      <c r="D69" s="81" t="s">
        <v>18</v>
      </c>
      <c r="E69" s="186" t="s">
        <v>9</v>
      </c>
      <c r="F69" s="81" t="s">
        <v>14</v>
      </c>
      <c r="G69" s="77" t="s">
        <v>12</v>
      </c>
      <c r="H69" s="77" t="s">
        <v>12</v>
      </c>
      <c r="I69" s="77" t="s">
        <v>11</v>
      </c>
      <c r="J69" s="77" t="s">
        <v>11</v>
      </c>
      <c r="K69" s="77" t="s">
        <v>11</v>
      </c>
      <c r="L69" s="77" t="s">
        <v>11</v>
      </c>
      <c r="M69" s="77" t="s">
        <v>11</v>
      </c>
      <c r="N69" s="81" t="s">
        <v>13</v>
      </c>
      <c r="O69" s="187" t="s">
        <v>1707</v>
      </c>
      <c r="P69" s="81" t="s">
        <v>1394</v>
      </c>
      <c r="Q69" s="114">
        <v>205</v>
      </c>
      <c r="R69" s="74" t="s">
        <v>1952</v>
      </c>
    </row>
    <row r="70" spans="1:19" s="74" customFormat="1" ht="50.15" customHeight="1">
      <c r="A70" s="45" t="s">
        <v>7</v>
      </c>
      <c r="B70" s="184" t="s">
        <v>1454</v>
      </c>
      <c r="C70" s="188"/>
      <c r="D70" s="81" t="s">
        <v>18</v>
      </c>
      <c r="E70" s="186" t="s">
        <v>9</v>
      </c>
      <c r="F70" s="81" t="s">
        <v>10</v>
      </c>
      <c r="G70" s="77" t="s">
        <v>12</v>
      </c>
      <c r="H70" s="77" t="s">
        <v>12</v>
      </c>
      <c r="I70" s="77" t="s">
        <v>11</v>
      </c>
      <c r="J70" s="77" t="s">
        <v>11</v>
      </c>
      <c r="K70" s="77" t="s">
        <v>11</v>
      </c>
      <c r="L70" s="77" t="s">
        <v>11</v>
      </c>
      <c r="M70" s="77" t="s">
        <v>11</v>
      </c>
      <c r="N70" s="81" t="s">
        <v>13</v>
      </c>
      <c r="O70" s="187"/>
      <c r="P70" s="81" t="s">
        <v>1395</v>
      </c>
      <c r="Q70" s="114">
        <v>205</v>
      </c>
      <c r="R70" s="74" t="s">
        <v>1952</v>
      </c>
    </row>
    <row r="71" spans="1:19" s="74" customFormat="1" ht="50.15" customHeight="1">
      <c r="A71" s="45" t="s">
        <v>7</v>
      </c>
      <c r="B71" s="184" t="s">
        <v>1455</v>
      </c>
      <c r="C71" s="189"/>
      <c r="D71" s="81" t="s">
        <v>18</v>
      </c>
      <c r="E71" s="186" t="s">
        <v>9</v>
      </c>
      <c r="F71" s="81" t="s">
        <v>14</v>
      </c>
      <c r="G71" s="77" t="s">
        <v>12</v>
      </c>
      <c r="H71" s="77" t="s">
        <v>12</v>
      </c>
      <c r="I71" s="77" t="s">
        <v>11</v>
      </c>
      <c r="J71" s="77" t="s">
        <v>11</v>
      </c>
      <c r="K71" s="77" t="s">
        <v>11</v>
      </c>
      <c r="L71" s="77" t="s">
        <v>11</v>
      </c>
      <c r="M71" s="77" t="s">
        <v>11</v>
      </c>
      <c r="N71" s="81" t="s">
        <v>1708</v>
      </c>
      <c r="O71" s="187" t="s">
        <v>1709</v>
      </c>
      <c r="P71" s="81" t="s">
        <v>1396</v>
      </c>
      <c r="Q71" s="114">
        <v>205</v>
      </c>
      <c r="R71" s="74" t="s">
        <v>1952</v>
      </c>
    </row>
    <row r="72" spans="1:19" s="74" customFormat="1" ht="50.15" customHeight="1">
      <c r="A72" s="45" t="s">
        <v>7</v>
      </c>
      <c r="B72" s="184" t="s">
        <v>1456</v>
      </c>
      <c r="C72" s="190"/>
      <c r="D72" s="81" t="s">
        <v>18</v>
      </c>
      <c r="E72" s="186" t="s">
        <v>9</v>
      </c>
      <c r="F72" s="81" t="s">
        <v>10</v>
      </c>
      <c r="G72" s="77" t="s">
        <v>12</v>
      </c>
      <c r="H72" s="77" t="s">
        <v>12</v>
      </c>
      <c r="I72" s="77" t="s">
        <v>11</v>
      </c>
      <c r="J72" s="77" t="s">
        <v>11</v>
      </c>
      <c r="K72" s="77" t="s">
        <v>11</v>
      </c>
      <c r="L72" s="77" t="s">
        <v>11</v>
      </c>
      <c r="M72" s="77" t="s">
        <v>11</v>
      </c>
      <c r="N72" s="81" t="s">
        <v>1708</v>
      </c>
      <c r="O72" s="187"/>
      <c r="P72" s="81" t="s">
        <v>1397</v>
      </c>
      <c r="Q72" s="114">
        <v>205</v>
      </c>
      <c r="R72" s="74" t="s">
        <v>1953</v>
      </c>
    </row>
    <row r="73" spans="1:19" s="74" customFormat="1" ht="50.15" customHeight="1">
      <c r="A73" s="45" t="s">
        <v>7</v>
      </c>
      <c r="B73" s="184" t="s">
        <v>1457</v>
      </c>
      <c r="C73" s="185"/>
      <c r="D73" s="81" t="s">
        <v>18</v>
      </c>
      <c r="E73" s="186" t="s">
        <v>9</v>
      </c>
      <c r="F73" s="81" t="s">
        <v>14</v>
      </c>
      <c r="G73" s="77" t="s">
        <v>12</v>
      </c>
      <c r="H73" s="77" t="s">
        <v>12</v>
      </c>
      <c r="I73" s="77" t="s">
        <v>11</v>
      </c>
      <c r="J73" s="77" t="s">
        <v>11</v>
      </c>
      <c r="K73" s="77" t="s">
        <v>11</v>
      </c>
      <c r="L73" s="77" t="s">
        <v>11</v>
      </c>
      <c r="M73" s="77" t="s">
        <v>11</v>
      </c>
      <c r="N73" s="81" t="s">
        <v>13</v>
      </c>
      <c r="O73" s="187" t="s">
        <v>1710</v>
      </c>
      <c r="P73" s="191" t="s">
        <v>1398</v>
      </c>
      <c r="Q73" s="114">
        <v>205</v>
      </c>
      <c r="R73" s="74" t="s">
        <v>1952</v>
      </c>
    </row>
    <row r="74" spans="1:19" s="74" customFormat="1" ht="50.15" customHeight="1">
      <c r="A74" s="45" t="s">
        <v>7</v>
      </c>
      <c r="B74" s="184" t="s">
        <v>1458</v>
      </c>
      <c r="C74" s="188"/>
      <c r="D74" s="81" t="s">
        <v>18</v>
      </c>
      <c r="E74" s="186" t="s">
        <v>9</v>
      </c>
      <c r="F74" s="81" t="s">
        <v>10</v>
      </c>
      <c r="G74" s="77" t="s">
        <v>12</v>
      </c>
      <c r="H74" s="77" t="s">
        <v>12</v>
      </c>
      <c r="I74" s="77" t="s">
        <v>11</v>
      </c>
      <c r="J74" s="77" t="s">
        <v>11</v>
      </c>
      <c r="K74" s="77" t="s">
        <v>11</v>
      </c>
      <c r="L74" s="77" t="s">
        <v>11</v>
      </c>
      <c r="M74" s="77" t="s">
        <v>11</v>
      </c>
      <c r="N74" s="81" t="s">
        <v>13</v>
      </c>
      <c r="O74" s="187"/>
      <c r="P74" s="191" t="s">
        <v>1399</v>
      </c>
      <c r="Q74" s="114">
        <v>205</v>
      </c>
      <c r="R74" s="74" t="s">
        <v>1952</v>
      </c>
    </row>
    <row r="75" spans="1:19" s="74" customFormat="1" ht="50.15" customHeight="1">
      <c r="A75" s="115" t="s">
        <v>7</v>
      </c>
      <c r="B75" s="216" t="s">
        <v>279</v>
      </c>
      <c r="C75" s="183"/>
      <c r="D75" s="116" t="s">
        <v>21</v>
      </c>
      <c r="E75" s="115" t="s">
        <v>9</v>
      </c>
      <c r="F75" s="116" t="s">
        <v>14</v>
      </c>
      <c r="G75" s="116" t="s">
        <v>12</v>
      </c>
      <c r="H75" s="116" t="s">
        <v>11</v>
      </c>
      <c r="I75" s="116" t="s">
        <v>11</v>
      </c>
      <c r="J75" s="116" t="s">
        <v>11</v>
      </c>
      <c r="K75" s="116" t="s">
        <v>11</v>
      </c>
      <c r="L75" s="116" t="s">
        <v>11</v>
      </c>
      <c r="M75" s="116" t="s">
        <v>12</v>
      </c>
      <c r="N75" s="116" t="s">
        <v>22</v>
      </c>
      <c r="O75" s="147" t="s">
        <v>280</v>
      </c>
      <c r="P75" s="216" t="s">
        <v>23</v>
      </c>
      <c r="Q75" s="153">
        <v>353</v>
      </c>
      <c r="R75" s="149" t="s">
        <v>1952</v>
      </c>
      <c r="S75" s="149" t="s">
        <v>1954</v>
      </c>
    </row>
    <row r="76" spans="1:19" s="74" customFormat="1" ht="50.15" customHeight="1">
      <c r="A76" s="115" t="s">
        <v>7</v>
      </c>
      <c r="B76" s="116" t="s">
        <v>24</v>
      </c>
      <c r="C76" s="207"/>
      <c r="D76" s="116" t="s">
        <v>21</v>
      </c>
      <c r="E76" s="115" t="s">
        <v>9</v>
      </c>
      <c r="F76" s="116" t="s">
        <v>10</v>
      </c>
      <c r="G76" s="116" t="s">
        <v>12</v>
      </c>
      <c r="H76" s="116" t="s">
        <v>11</v>
      </c>
      <c r="I76" s="116" t="s">
        <v>11</v>
      </c>
      <c r="J76" s="116" t="s">
        <v>11</v>
      </c>
      <c r="K76" s="116" t="s">
        <v>11</v>
      </c>
      <c r="L76" s="116" t="s">
        <v>11</v>
      </c>
      <c r="M76" s="116" t="s">
        <v>12</v>
      </c>
      <c r="N76" s="116" t="s">
        <v>22</v>
      </c>
      <c r="O76" s="147"/>
      <c r="P76" s="116" t="s">
        <v>25</v>
      </c>
      <c r="Q76" s="153">
        <v>353</v>
      </c>
      <c r="R76" s="149" t="s">
        <v>1952</v>
      </c>
      <c r="S76" s="149" t="s">
        <v>1954</v>
      </c>
    </row>
    <row r="77" spans="1:19" s="74" customFormat="1" ht="50.15" customHeight="1">
      <c r="A77" s="115" t="s">
        <v>7</v>
      </c>
      <c r="B77" s="116" t="s">
        <v>33</v>
      </c>
      <c r="C77" s="151"/>
      <c r="D77" s="116" t="s">
        <v>21</v>
      </c>
      <c r="E77" s="115" t="s">
        <v>9</v>
      </c>
      <c r="F77" s="116" t="s">
        <v>14</v>
      </c>
      <c r="G77" s="116" t="s">
        <v>12</v>
      </c>
      <c r="H77" s="116" t="s">
        <v>11</v>
      </c>
      <c r="I77" s="116" t="s">
        <v>11</v>
      </c>
      <c r="J77" s="116" t="s">
        <v>11</v>
      </c>
      <c r="K77" s="116" t="s">
        <v>11</v>
      </c>
      <c r="L77" s="116" t="s">
        <v>11</v>
      </c>
      <c r="M77" s="116" t="s">
        <v>11</v>
      </c>
      <c r="N77" s="116" t="s">
        <v>294</v>
      </c>
      <c r="O77" s="147" t="s">
        <v>295</v>
      </c>
      <c r="P77" s="116" t="s">
        <v>34</v>
      </c>
      <c r="Q77" s="153">
        <v>353</v>
      </c>
      <c r="R77" s="149" t="s">
        <v>1952</v>
      </c>
      <c r="S77" s="149" t="s">
        <v>1954</v>
      </c>
    </row>
    <row r="78" spans="1:19" s="74" customFormat="1" ht="50.15" customHeight="1">
      <c r="A78" s="115" t="s">
        <v>7</v>
      </c>
      <c r="B78" s="116" t="s">
        <v>35</v>
      </c>
      <c r="C78" s="154"/>
      <c r="D78" s="116" t="s">
        <v>21</v>
      </c>
      <c r="E78" s="115" t="s">
        <v>9</v>
      </c>
      <c r="F78" s="116" t="s">
        <v>10</v>
      </c>
      <c r="G78" s="116" t="s">
        <v>12</v>
      </c>
      <c r="H78" s="116" t="s">
        <v>11</v>
      </c>
      <c r="I78" s="116" t="s">
        <v>11</v>
      </c>
      <c r="J78" s="116" t="s">
        <v>11</v>
      </c>
      <c r="K78" s="116" t="s">
        <v>11</v>
      </c>
      <c r="L78" s="116" t="s">
        <v>11</v>
      </c>
      <c r="M78" s="116" t="s">
        <v>11</v>
      </c>
      <c r="N78" s="116" t="s">
        <v>294</v>
      </c>
      <c r="O78" s="147"/>
      <c r="P78" s="116" t="s">
        <v>36</v>
      </c>
      <c r="Q78" s="153">
        <v>353</v>
      </c>
      <c r="R78" s="149" t="s">
        <v>1952</v>
      </c>
      <c r="S78" s="149" t="s">
        <v>1954</v>
      </c>
    </row>
    <row r="79" spans="1:19" s="74" customFormat="1" ht="50.15" customHeight="1">
      <c r="A79" s="115" t="s">
        <v>7</v>
      </c>
      <c r="B79" s="116" t="s">
        <v>42</v>
      </c>
      <c r="C79" s="183"/>
      <c r="D79" s="116" t="s">
        <v>21</v>
      </c>
      <c r="E79" s="115" t="s">
        <v>9</v>
      </c>
      <c r="F79" s="116" t="s">
        <v>14</v>
      </c>
      <c r="G79" s="116" t="s">
        <v>12</v>
      </c>
      <c r="H79" s="116" t="s">
        <v>11</v>
      </c>
      <c r="I79" s="116" t="s">
        <v>11</v>
      </c>
      <c r="J79" s="116" t="s">
        <v>11</v>
      </c>
      <c r="K79" s="116" t="s">
        <v>11</v>
      </c>
      <c r="L79" s="116" t="s">
        <v>11</v>
      </c>
      <c r="M79" s="116" t="s">
        <v>11</v>
      </c>
      <c r="N79" s="116" t="s">
        <v>22</v>
      </c>
      <c r="O79" s="147" t="s">
        <v>280</v>
      </c>
      <c r="P79" s="116" t="s">
        <v>43</v>
      </c>
      <c r="Q79" s="153">
        <v>353</v>
      </c>
      <c r="R79" s="149" t="s">
        <v>1952</v>
      </c>
      <c r="S79" s="149" t="s">
        <v>1954</v>
      </c>
    </row>
    <row r="80" spans="1:19" s="74" customFormat="1" ht="50.15" customHeight="1">
      <c r="A80" s="115" t="s">
        <v>7</v>
      </c>
      <c r="B80" s="116" t="s">
        <v>44</v>
      </c>
      <c r="C80" s="207"/>
      <c r="D80" s="116" t="s">
        <v>21</v>
      </c>
      <c r="E80" s="115" t="s">
        <v>9</v>
      </c>
      <c r="F80" s="116" t="s">
        <v>10</v>
      </c>
      <c r="G80" s="116" t="s">
        <v>12</v>
      </c>
      <c r="H80" s="116" t="s">
        <v>11</v>
      </c>
      <c r="I80" s="116" t="s">
        <v>11</v>
      </c>
      <c r="J80" s="116" t="s">
        <v>11</v>
      </c>
      <c r="K80" s="116" t="s">
        <v>11</v>
      </c>
      <c r="L80" s="116" t="s">
        <v>11</v>
      </c>
      <c r="M80" s="116" t="s">
        <v>11</v>
      </c>
      <c r="N80" s="116" t="s">
        <v>22</v>
      </c>
      <c r="O80" s="147"/>
      <c r="P80" s="116" t="s">
        <v>45</v>
      </c>
      <c r="Q80" s="153">
        <v>353</v>
      </c>
      <c r="R80" s="149" t="s">
        <v>1952</v>
      </c>
      <c r="S80" s="149" t="s">
        <v>1954</v>
      </c>
    </row>
    <row r="81" spans="1:19" s="150" customFormat="1" ht="50.15" customHeight="1">
      <c r="A81" s="115" t="s">
        <v>7</v>
      </c>
      <c r="B81" s="116" t="s">
        <v>27</v>
      </c>
      <c r="C81" s="183"/>
      <c r="D81" s="116" t="s">
        <v>247</v>
      </c>
      <c r="E81" s="115" t="s">
        <v>250</v>
      </c>
      <c r="F81" s="116" t="s">
        <v>251</v>
      </c>
      <c r="G81" s="116" t="s">
        <v>252</v>
      </c>
      <c r="H81" s="116" t="s">
        <v>253</v>
      </c>
      <c r="I81" s="116" t="s">
        <v>11</v>
      </c>
      <c r="J81" s="116" t="s">
        <v>11</v>
      </c>
      <c r="K81" s="116" t="s">
        <v>11</v>
      </c>
      <c r="L81" s="116" t="s">
        <v>11</v>
      </c>
      <c r="M81" s="116" t="s">
        <v>11</v>
      </c>
      <c r="N81" s="116" t="s">
        <v>26</v>
      </c>
      <c r="O81" s="116"/>
      <c r="P81" s="116" t="s">
        <v>28</v>
      </c>
      <c r="Q81" s="148">
        <v>128</v>
      </c>
      <c r="R81" s="149" t="s">
        <v>1952</v>
      </c>
      <c r="S81" s="149" t="s">
        <v>1954</v>
      </c>
    </row>
    <row r="82" spans="1:19" s="150" customFormat="1" ht="50.15" customHeight="1">
      <c r="A82" s="115" t="s">
        <v>7</v>
      </c>
      <c r="B82" s="116" t="s">
        <v>281</v>
      </c>
      <c r="C82" s="183"/>
      <c r="D82" s="116" t="s">
        <v>275</v>
      </c>
      <c r="E82" s="115" t="s">
        <v>9</v>
      </c>
      <c r="F82" s="116" t="s">
        <v>248</v>
      </c>
      <c r="G82" s="116" t="s">
        <v>252</v>
      </c>
      <c r="H82" s="116" t="s">
        <v>253</v>
      </c>
      <c r="I82" s="116" t="s">
        <v>11</v>
      </c>
      <c r="J82" s="116" t="s">
        <v>11</v>
      </c>
      <c r="K82" s="116" t="s">
        <v>11</v>
      </c>
      <c r="L82" s="116" t="s">
        <v>11</v>
      </c>
      <c r="M82" s="116" t="s">
        <v>11</v>
      </c>
      <c r="N82" s="116" t="s">
        <v>282</v>
      </c>
      <c r="O82" s="147" t="s">
        <v>283</v>
      </c>
      <c r="P82" s="116" t="s">
        <v>148</v>
      </c>
      <c r="Q82" s="148">
        <v>132</v>
      </c>
      <c r="R82" s="149" t="s">
        <v>1952</v>
      </c>
      <c r="S82" s="149" t="s">
        <v>1954</v>
      </c>
    </row>
    <row r="83" spans="1:19" s="150" customFormat="1" ht="50.15" customHeight="1">
      <c r="A83" s="115" t="s">
        <v>7</v>
      </c>
      <c r="B83" s="116" t="s">
        <v>284</v>
      </c>
      <c r="C83" s="183"/>
      <c r="D83" s="116" t="s">
        <v>285</v>
      </c>
      <c r="E83" s="115" t="s">
        <v>9</v>
      </c>
      <c r="F83" s="116" t="s">
        <v>10</v>
      </c>
      <c r="G83" s="116" t="s">
        <v>286</v>
      </c>
      <c r="H83" s="116" t="s">
        <v>287</v>
      </c>
      <c r="I83" s="116" t="s">
        <v>11</v>
      </c>
      <c r="J83" s="116" t="s">
        <v>11</v>
      </c>
      <c r="K83" s="116" t="s">
        <v>11</v>
      </c>
      <c r="L83" s="116" t="s">
        <v>11</v>
      </c>
      <c r="M83" s="116" t="s">
        <v>11</v>
      </c>
      <c r="N83" s="116" t="s">
        <v>288</v>
      </c>
      <c r="O83" s="147"/>
      <c r="P83" s="116" t="s">
        <v>149</v>
      </c>
      <c r="Q83" s="148">
        <v>132</v>
      </c>
      <c r="R83" s="149" t="s">
        <v>1952</v>
      </c>
      <c r="S83" s="149" t="s">
        <v>1954</v>
      </c>
    </row>
    <row r="84" spans="1:19" s="150" customFormat="1" ht="50.15" customHeight="1">
      <c r="A84" s="115" t="s">
        <v>289</v>
      </c>
      <c r="B84" s="116" t="s">
        <v>534</v>
      </c>
      <c r="C84" s="183"/>
      <c r="D84" s="116" t="s">
        <v>18</v>
      </c>
      <c r="E84" s="115" t="s">
        <v>9</v>
      </c>
      <c r="F84" s="116" t="s">
        <v>14</v>
      </c>
      <c r="G84" s="116" t="s">
        <v>12</v>
      </c>
      <c r="H84" s="116" t="s">
        <v>11</v>
      </c>
      <c r="I84" s="116" t="s">
        <v>11</v>
      </c>
      <c r="J84" s="116" t="s">
        <v>11</v>
      </c>
      <c r="K84" s="116" t="s">
        <v>11</v>
      </c>
      <c r="L84" s="116" t="s">
        <v>11</v>
      </c>
      <c r="M84" s="116" t="s">
        <v>11</v>
      </c>
      <c r="N84" s="116" t="s">
        <v>290</v>
      </c>
      <c r="O84" s="116" t="s">
        <v>291</v>
      </c>
      <c r="P84" s="116" t="s">
        <v>29</v>
      </c>
      <c r="Q84" s="148">
        <v>169</v>
      </c>
      <c r="R84" s="149" t="s">
        <v>1952</v>
      </c>
      <c r="S84" s="149" t="s">
        <v>1954</v>
      </c>
    </row>
    <row r="85" spans="1:19" s="150" customFormat="1" ht="50.15" customHeight="1">
      <c r="A85" s="115" t="s">
        <v>7</v>
      </c>
      <c r="B85" s="116" t="s">
        <v>292</v>
      </c>
      <c r="C85" s="183"/>
      <c r="D85" s="116" t="s">
        <v>20</v>
      </c>
      <c r="E85" s="115" t="s">
        <v>9</v>
      </c>
      <c r="F85" s="116" t="s">
        <v>14</v>
      </c>
      <c r="G85" s="116" t="s">
        <v>12</v>
      </c>
      <c r="H85" s="116" t="s">
        <v>11</v>
      </c>
      <c r="I85" s="116" t="s">
        <v>11</v>
      </c>
      <c r="J85" s="116" t="s">
        <v>11</v>
      </c>
      <c r="K85" s="116" t="s">
        <v>11</v>
      </c>
      <c r="L85" s="116" t="s">
        <v>11</v>
      </c>
      <c r="M85" s="116" t="s">
        <v>11</v>
      </c>
      <c r="N85" s="116" t="s">
        <v>26</v>
      </c>
      <c r="O85" s="147" t="s">
        <v>293</v>
      </c>
      <c r="P85" s="116" t="s">
        <v>30</v>
      </c>
      <c r="Q85" s="148">
        <v>269</v>
      </c>
      <c r="R85" s="149" t="s">
        <v>1952</v>
      </c>
      <c r="S85" s="149" t="s">
        <v>1954</v>
      </c>
    </row>
    <row r="86" spans="1:19" s="150" customFormat="1" ht="50.15" customHeight="1">
      <c r="A86" s="115" t="s">
        <v>7</v>
      </c>
      <c r="B86" s="116" t="s">
        <v>31</v>
      </c>
      <c r="C86" s="183"/>
      <c r="D86" s="116" t="s">
        <v>20</v>
      </c>
      <c r="E86" s="115" t="s">
        <v>9</v>
      </c>
      <c r="F86" s="116" t="s">
        <v>10</v>
      </c>
      <c r="G86" s="116" t="s">
        <v>12</v>
      </c>
      <c r="H86" s="116" t="s">
        <v>11</v>
      </c>
      <c r="I86" s="116" t="s">
        <v>11</v>
      </c>
      <c r="J86" s="116" t="s">
        <v>11</v>
      </c>
      <c r="K86" s="116" t="s">
        <v>11</v>
      </c>
      <c r="L86" s="116" t="s">
        <v>11</v>
      </c>
      <c r="M86" s="116" t="s">
        <v>11</v>
      </c>
      <c r="N86" s="116" t="s">
        <v>26</v>
      </c>
      <c r="O86" s="147"/>
      <c r="P86" s="116" t="s">
        <v>32</v>
      </c>
      <c r="Q86" s="148">
        <v>269</v>
      </c>
      <c r="R86" s="149" t="s">
        <v>1952</v>
      </c>
      <c r="S86" s="149" t="s">
        <v>1954</v>
      </c>
    </row>
    <row r="87" spans="1:19" s="150" customFormat="1" ht="50.15" customHeight="1">
      <c r="A87" s="115" t="s">
        <v>249</v>
      </c>
      <c r="B87" s="116" t="s">
        <v>37</v>
      </c>
      <c r="C87" s="183"/>
      <c r="D87" s="116" t="s">
        <v>247</v>
      </c>
      <c r="E87" s="115" t="s">
        <v>250</v>
      </c>
      <c r="F87" s="116" t="s">
        <v>251</v>
      </c>
      <c r="G87" s="116" t="s">
        <v>252</v>
      </c>
      <c r="H87" s="116" t="s">
        <v>253</v>
      </c>
      <c r="I87" s="116" t="s">
        <v>11</v>
      </c>
      <c r="J87" s="116" t="s">
        <v>11</v>
      </c>
      <c r="K87" s="116" t="s">
        <v>11</v>
      </c>
      <c r="L87" s="116" t="s">
        <v>11</v>
      </c>
      <c r="M87" s="116" t="s">
        <v>11</v>
      </c>
      <c r="N87" s="116" t="s">
        <v>254</v>
      </c>
      <c r="O87" s="116"/>
      <c r="P87" s="116" t="s">
        <v>38</v>
      </c>
      <c r="Q87" s="148">
        <v>127</v>
      </c>
      <c r="R87" s="149" t="s">
        <v>1952</v>
      </c>
      <c r="S87" s="149" t="s">
        <v>1954</v>
      </c>
    </row>
    <row r="88" spans="1:19" s="150" customFormat="1" ht="50.15" customHeight="1">
      <c r="A88" s="115" t="s">
        <v>249</v>
      </c>
      <c r="B88" s="116" t="s">
        <v>296</v>
      </c>
      <c r="C88" s="183"/>
      <c r="D88" s="116" t="s">
        <v>275</v>
      </c>
      <c r="E88" s="115" t="s">
        <v>9</v>
      </c>
      <c r="F88" s="116" t="s">
        <v>14</v>
      </c>
      <c r="G88" s="116" t="s">
        <v>12</v>
      </c>
      <c r="H88" s="116" t="s">
        <v>11</v>
      </c>
      <c r="I88" s="116" t="s">
        <v>11</v>
      </c>
      <c r="J88" s="116" t="s">
        <v>11</v>
      </c>
      <c r="K88" s="116" t="s">
        <v>11</v>
      </c>
      <c r="L88" s="116" t="s">
        <v>11</v>
      </c>
      <c r="M88" s="116" t="s">
        <v>11</v>
      </c>
      <c r="N88" s="116" t="s">
        <v>13</v>
      </c>
      <c r="O88" s="147" t="s">
        <v>297</v>
      </c>
      <c r="P88" s="116" t="s">
        <v>150</v>
      </c>
      <c r="Q88" s="148">
        <v>131</v>
      </c>
      <c r="R88" s="149" t="s">
        <v>1952</v>
      </c>
      <c r="S88" s="149" t="s">
        <v>1954</v>
      </c>
    </row>
    <row r="89" spans="1:19" s="150" customFormat="1" ht="50.15" customHeight="1">
      <c r="A89" s="192" t="s">
        <v>249</v>
      </c>
      <c r="B89" s="118" t="s">
        <v>298</v>
      </c>
      <c r="C89" s="183"/>
      <c r="D89" s="116" t="s">
        <v>82</v>
      </c>
      <c r="E89" s="115" t="s">
        <v>9</v>
      </c>
      <c r="F89" s="116" t="s">
        <v>10</v>
      </c>
      <c r="G89" s="116" t="s">
        <v>12</v>
      </c>
      <c r="H89" s="116" t="s">
        <v>11</v>
      </c>
      <c r="I89" s="116" t="s">
        <v>11</v>
      </c>
      <c r="J89" s="116" t="s">
        <v>11</v>
      </c>
      <c r="K89" s="116" t="s">
        <v>11</v>
      </c>
      <c r="L89" s="116" t="s">
        <v>11</v>
      </c>
      <c r="M89" s="116" t="s">
        <v>11</v>
      </c>
      <c r="N89" s="116" t="s">
        <v>13</v>
      </c>
      <c r="O89" s="147"/>
      <c r="P89" s="116" t="s">
        <v>151</v>
      </c>
      <c r="Q89" s="148">
        <v>131</v>
      </c>
      <c r="R89" s="149" t="s">
        <v>1952</v>
      </c>
      <c r="S89" s="149" t="s">
        <v>1954</v>
      </c>
    </row>
    <row r="90" spans="1:19" s="150" customFormat="1" ht="50.15" customHeight="1">
      <c r="A90" s="115" t="s">
        <v>7</v>
      </c>
      <c r="B90" s="116" t="s">
        <v>39</v>
      </c>
      <c r="C90" s="183"/>
      <c r="D90" s="116" t="s">
        <v>20</v>
      </c>
      <c r="E90" s="115" t="s">
        <v>9</v>
      </c>
      <c r="F90" s="116" t="s">
        <v>14</v>
      </c>
      <c r="G90" s="116" t="s">
        <v>12</v>
      </c>
      <c r="H90" s="116" t="s">
        <v>11</v>
      </c>
      <c r="I90" s="116" t="s">
        <v>11</v>
      </c>
      <c r="J90" s="116" t="s">
        <v>11</v>
      </c>
      <c r="K90" s="116" t="s">
        <v>11</v>
      </c>
      <c r="L90" s="116" t="s">
        <v>11</v>
      </c>
      <c r="M90" s="116" t="s">
        <v>11</v>
      </c>
      <c r="N90" s="116" t="s">
        <v>13</v>
      </c>
      <c r="O90" s="147" t="s">
        <v>299</v>
      </c>
      <c r="P90" s="116" t="s">
        <v>40</v>
      </c>
      <c r="Q90" s="148">
        <v>269</v>
      </c>
      <c r="R90" s="149" t="s">
        <v>1952</v>
      </c>
      <c r="S90" s="149" t="s">
        <v>1954</v>
      </c>
    </row>
    <row r="91" spans="1:19" s="150" customFormat="1" ht="50.15" customHeight="1">
      <c r="A91" s="115" t="s">
        <v>7</v>
      </c>
      <c r="B91" s="116" t="s">
        <v>300</v>
      </c>
      <c r="C91" s="183"/>
      <c r="D91" s="116" t="s">
        <v>20</v>
      </c>
      <c r="E91" s="115" t="s">
        <v>9</v>
      </c>
      <c r="F91" s="116" t="s">
        <v>10</v>
      </c>
      <c r="G91" s="116" t="s">
        <v>12</v>
      </c>
      <c r="H91" s="116" t="s">
        <v>11</v>
      </c>
      <c r="I91" s="116" t="s">
        <v>11</v>
      </c>
      <c r="J91" s="116" t="s">
        <v>11</v>
      </c>
      <c r="K91" s="116" t="s">
        <v>11</v>
      </c>
      <c r="L91" s="116" t="s">
        <v>11</v>
      </c>
      <c r="M91" s="116" t="s">
        <v>11</v>
      </c>
      <c r="N91" s="116" t="s">
        <v>13</v>
      </c>
      <c r="O91" s="147"/>
      <c r="P91" s="116" t="s">
        <v>41</v>
      </c>
      <c r="Q91" s="148">
        <v>269</v>
      </c>
      <c r="R91" s="149" t="s">
        <v>1952</v>
      </c>
      <c r="S91" s="149" t="s">
        <v>1954</v>
      </c>
    </row>
    <row r="92" spans="1:19" s="50" customFormat="1" ht="50.15" customHeight="1">
      <c r="A92" s="193" t="s">
        <v>335</v>
      </c>
      <c r="B92" s="194"/>
      <c r="C92" s="194"/>
      <c r="D92" s="194"/>
      <c r="E92" s="194"/>
      <c r="F92" s="194"/>
      <c r="G92" s="194"/>
      <c r="H92" s="194"/>
      <c r="I92" s="194"/>
      <c r="J92" s="194"/>
      <c r="K92" s="194"/>
      <c r="L92" s="194"/>
      <c r="M92" s="194"/>
      <c r="N92" s="194"/>
      <c r="O92" s="194"/>
      <c r="P92" s="194"/>
      <c r="Q92" s="195"/>
      <c r="R92" s="125"/>
      <c r="S92" s="125"/>
    </row>
    <row r="93" spans="1:19" s="150" customFormat="1" ht="50.15" customHeight="1">
      <c r="A93" s="115" t="s">
        <v>565</v>
      </c>
      <c r="B93" s="116" t="s">
        <v>301</v>
      </c>
      <c r="C93" s="196"/>
      <c r="D93" s="116" t="s">
        <v>8</v>
      </c>
      <c r="E93" s="115" t="s">
        <v>9</v>
      </c>
      <c r="F93" s="116" t="s">
        <v>46</v>
      </c>
      <c r="G93" s="116" t="s">
        <v>12</v>
      </c>
      <c r="H93" s="116" t="s">
        <v>12</v>
      </c>
      <c r="I93" s="116" t="s">
        <v>11</v>
      </c>
      <c r="J93" s="116" t="s">
        <v>11</v>
      </c>
      <c r="K93" s="116" t="s">
        <v>11</v>
      </c>
      <c r="L93" s="116" t="s">
        <v>11</v>
      </c>
      <c r="M93" s="116" t="s">
        <v>11</v>
      </c>
      <c r="N93" s="116" t="s">
        <v>13</v>
      </c>
      <c r="O93" s="116" t="s">
        <v>577</v>
      </c>
      <c r="P93" s="116" t="s">
        <v>47</v>
      </c>
      <c r="Q93" s="148">
        <v>288</v>
      </c>
      <c r="R93" s="149" t="s">
        <v>1952</v>
      </c>
      <c r="S93" s="149" t="s">
        <v>1954</v>
      </c>
    </row>
    <row r="94" spans="1:19" s="150" customFormat="1" ht="50.15" customHeight="1">
      <c r="A94" s="115" t="s">
        <v>565</v>
      </c>
      <c r="B94" s="116" t="s">
        <v>49</v>
      </c>
      <c r="C94" s="183"/>
      <c r="D94" s="116" t="s">
        <v>18</v>
      </c>
      <c r="E94" s="115" t="s">
        <v>9</v>
      </c>
      <c r="F94" s="116" t="s">
        <v>46</v>
      </c>
      <c r="G94" s="116" t="s">
        <v>12</v>
      </c>
      <c r="H94" s="116" t="s">
        <v>12</v>
      </c>
      <c r="I94" s="116" t="s">
        <v>578</v>
      </c>
      <c r="J94" s="116" t="s">
        <v>11</v>
      </c>
      <c r="K94" s="116" t="s">
        <v>11</v>
      </c>
      <c r="L94" s="116" t="s">
        <v>11</v>
      </c>
      <c r="M94" s="116" t="s">
        <v>11</v>
      </c>
      <c r="N94" s="116" t="s">
        <v>13</v>
      </c>
      <c r="O94" s="116" t="s">
        <v>50</v>
      </c>
      <c r="P94" s="116" t="s">
        <v>51</v>
      </c>
      <c r="Q94" s="148">
        <v>340</v>
      </c>
      <c r="R94" s="149" t="s">
        <v>1952</v>
      </c>
      <c r="S94" s="149" t="s">
        <v>1954</v>
      </c>
    </row>
    <row r="95" spans="1:19" s="150" customFormat="1" ht="50.15" customHeight="1">
      <c r="A95" s="115" t="s">
        <v>565</v>
      </c>
      <c r="B95" s="116" t="s">
        <v>579</v>
      </c>
      <c r="C95" s="183"/>
      <c r="D95" s="116" t="s">
        <v>18</v>
      </c>
      <c r="E95" s="115" t="s">
        <v>9</v>
      </c>
      <c r="F95" s="116" t="s">
        <v>48</v>
      </c>
      <c r="G95" s="116" t="s">
        <v>12</v>
      </c>
      <c r="H95" s="116" t="s">
        <v>12</v>
      </c>
      <c r="I95" s="116" t="s">
        <v>11</v>
      </c>
      <c r="J95" s="116" t="s">
        <v>11</v>
      </c>
      <c r="K95" s="116" t="s">
        <v>11</v>
      </c>
      <c r="L95" s="116" t="s">
        <v>11</v>
      </c>
      <c r="M95" s="116" t="s">
        <v>11</v>
      </c>
      <c r="N95" s="116" t="s">
        <v>13</v>
      </c>
      <c r="O95" s="116" t="s">
        <v>52</v>
      </c>
      <c r="P95" s="116" t="s">
        <v>53</v>
      </c>
      <c r="Q95" s="148">
        <v>360</v>
      </c>
      <c r="R95" s="149" t="s">
        <v>1952</v>
      </c>
      <c r="S95" s="149" t="s">
        <v>1954</v>
      </c>
    </row>
    <row r="96" spans="1:19" s="124" customFormat="1" ht="50.15" customHeight="1">
      <c r="A96" s="115" t="s">
        <v>580</v>
      </c>
      <c r="B96" s="181" t="s">
        <v>581</v>
      </c>
      <c r="C96" s="183"/>
      <c r="D96" s="116" t="s">
        <v>582</v>
      </c>
      <c r="E96" s="115" t="s">
        <v>9</v>
      </c>
      <c r="F96" s="116" t="s">
        <v>48</v>
      </c>
      <c r="G96" s="116" t="s">
        <v>12</v>
      </c>
      <c r="H96" s="116" t="s">
        <v>12</v>
      </c>
      <c r="I96" s="116" t="s">
        <v>11</v>
      </c>
      <c r="J96" s="116" t="s">
        <v>12</v>
      </c>
      <c r="K96" s="116" t="s">
        <v>11</v>
      </c>
      <c r="L96" s="116" t="s">
        <v>11</v>
      </c>
      <c r="M96" s="116" t="s">
        <v>12</v>
      </c>
      <c r="N96" s="181" t="s">
        <v>583</v>
      </c>
      <c r="O96" s="116" t="s">
        <v>584</v>
      </c>
      <c r="P96" s="116" t="s">
        <v>585</v>
      </c>
      <c r="Q96" s="148">
        <v>280</v>
      </c>
      <c r="R96" s="149" t="s">
        <v>1952</v>
      </c>
      <c r="S96" s="149" t="s">
        <v>1954</v>
      </c>
    </row>
    <row r="97" spans="1:19" s="51" customFormat="1" ht="50.15" customHeight="1">
      <c r="A97" s="45" t="s">
        <v>580</v>
      </c>
      <c r="B97" s="52" t="s">
        <v>1461</v>
      </c>
      <c r="C97" s="133"/>
      <c r="D97" s="95" t="s">
        <v>8</v>
      </c>
      <c r="E97" s="43" t="s">
        <v>9</v>
      </c>
      <c r="F97" s="95" t="s">
        <v>48</v>
      </c>
      <c r="G97" s="95" t="s">
        <v>12</v>
      </c>
      <c r="H97" s="95" t="s">
        <v>12</v>
      </c>
      <c r="I97" s="95" t="s">
        <v>12</v>
      </c>
      <c r="J97" s="95" t="s">
        <v>12</v>
      </c>
      <c r="K97" s="95" t="s">
        <v>11</v>
      </c>
      <c r="L97" s="95" t="s">
        <v>11</v>
      </c>
      <c r="M97" s="95" t="s">
        <v>12</v>
      </c>
      <c r="N97" s="197" t="s">
        <v>936</v>
      </c>
      <c r="O97" s="95" t="s">
        <v>937</v>
      </c>
      <c r="P97" s="198" t="s">
        <v>938</v>
      </c>
      <c r="Q97" s="114">
        <v>319</v>
      </c>
      <c r="R97" s="51" t="s">
        <v>1952</v>
      </c>
    </row>
    <row r="98" spans="1:19" s="74" customFormat="1" ht="50.15" customHeight="1">
      <c r="A98" s="45" t="s">
        <v>580</v>
      </c>
      <c r="B98" s="52" t="s">
        <v>1462</v>
      </c>
      <c r="C98" s="199"/>
      <c r="D98" s="95" t="s">
        <v>18</v>
      </c>
      <c r="E98" s="43" t="s">
        <v>9</v>
      </c>
      <c r="F98" s="95" t="s">
        <v>48</v>
      </c>
      <c r="G98" s="95" t="s">
        <v>12</v>
      </c>
      <c r="H98" s="95" t="s">
        <v>12</v>
      </c>
      <c r="I98" s="95" t="s">
        <v>12</v>
      </c>
      <c r="J98" s="95" t="s">
        <v>12</v>
      </c>
      <c r="K98" s="95" t="s">
        <v>11</v>
      </c>
      <c r="L98" s="95" t="s">
        <v>11</v>
      </c>
      <c r="M98" s="95" t="s">
        <v>12</v>
      </c>
      <c r="N98" s="197" t="s">
        <v>936</v>
      </c>
      <c r="O98" s="95" t="s">
        <v>939</v>
      </c>
      <c r="P98" s="198" t="s">
        <v>940</v>
      </c>
      <c r="Q98" s="114">
        <v>353</v>
      </c>
      <c r="R98" s="74" t="s">
        <v>1952</v>
      </c>
    </row>
    <row r="99" spans="1:19" s="51" customFormat="1" ht="50.15" customHeight="1">
      <c r="A99" s="200" t="s">
        <v>406</v>
      </c>
      <c r="B99" s="52" t="s">
        <v>612</v>
      </c>
      <c r="C99" s="139"/>
      <c r="D99" s="95" t="s">
        <v>20</v>
      </c>
      <c r="E99" s="43" t="s">
        <v>9</v>
      </c>
      <c r="F99" s="95" t="s">
        <v>48</v>
      </c>
      <c r="G99" s="95" t="s">
        <v>12</v>
      </c>
      <c r="H99" s="95" t="s">
        <v>12</v>
      </c>
      <c r="I99" s="95" t="s">
        <v>12</v>
      </c>
      <c r="J99" s="95" t="s">
        <v>12</v>
      </c>
      <c r="K99" s="95" t="s">
        <v>11</v>
      </c>
      <c r="L99" s="95" t="s">
        <v>11</v>
      </c>
      <c r="M99" s="95" t="s">
        <v>12</v>
      </c>
      <c r="N99" s="197" t="s">
        <v>936</v>
      </c>
      <c r="O99" s="95" t="s">
        <v>941</v>
      </c>
      <c r="P99" s="198" t="s">
        <v>615</v>
      </c>
      <c r="Q99" s="114">
        <v>388</v>
      </c>
      <c r="R99" s="51" t="s">
        <v>1952</v>
      </c>
    </row>
    <row r="100" spans="1:19" s="51" customFormat="1" ht="50.15" customHeight="1">
      <c r="A100" s="42" t="s">
        <v>406</v>
      </c>
      <c r="B100" s="54" t="s">
        <v>497</v>
      </c>
      <c r="C100" s="201"/>
      <c r="D100" s="202" t="s">
        <v>8</v>
      </c>
      <c r="E100" s="203" t="s">
        <v>9</v>
      </c>
      <c r="F100" s="202" t="s">
        <v>48</v>
      </c>
      <c r="G100" s="95" t="s">
        <v>12</v>
      </c>
      <c r="H100" s="95" t="s">
        <v>12</v>
      </c>
      <c r="I100" s="95" t="s">
        <v>12</v>
      </c>
      <c r="J100" s="95" t="s">
        <v>12</v>
      </c>
      <c r="K100" s="95" t="s">
        <v>11</v>
      </c>
      <c r="L100" s="95" t="s">
        <v>11</v>
      </c>
      <c r="M100" s="95" t="s">
        <v>12</v>
      </c>
      <c r="N100" s="197" t="s">
        <v>942</v>
      </c>
      <c r="O100" s="95" t="s">
        <v>943</v>
      </c>
      <c r="P100" s="198" t="s">
        <v>944</v>
      </c>
      <c r="Q100" s="114">
        <v>319</v>
      </c>
      <c r="R100" s="51" t="s">
        <v>1952</v>
      </c>
    </row>
    <row r="101" spans="1:19" s="51" customFormat="1" ht="50.15" customHeight="1">
      <c r="A101" s="42" t="s">
        <v>406</v>
      </c>
      <c r="B101" s="54" t="s">
        <v>499</v>
      </c>
      <c r="C101" s="204"/>
      <c r="D101" s="95" t="s">
        <v>18</v>
      </c>
      <c r="E101" s="43" t="s">
        <v>9</v>
      </c>
      <c r="F101" s="95" t="s">
        <v>48</v>
      </c>
      <c r="G101" s="95" t="s">
        <v>12</v>
      </c>
      <c r="H101" s="95" t="s">
        <v>12</v>
      </c>
      <c r="I101" s="95" t="s">
        <v>12</v>
      </c>
      <c r="J101" s="95" t="s">
        <v>12</v>
      </c>
      <c r="K101" s="95" t="s">
        <v>11</v>
      </c>
      <c r="L101" s="95" t="s">
        <v>11</v>
      </c>
      <c r="M101" s="95" t="s">
        <v>12</v>
      </c>
      <c r="N101" s="197" t="s">
        <v>942</v>
      </c>
      <c r="O101" s="95" t="s">
        <v>945</v>
      </c>
      <c r="P101" s="198" t="s">
        <v>946</v>
      </c>
      <c r="Q101" s="114">
        <v>353</v>
      </c>
      <c r="R101" s="51" t="s">
        <v>1952</v>
      </c>
    </row>
    <row r="102" spans="1:19" s="51" customFormat="1" ht="50.15" customHeight="1">
      <c r="A102" s="200" t="s">
        <v>406</v>
      </c>
      <c r="B102" s="52" t="s">
        <v>613</v>
      </c>
      <c r="C102" s="205"/>
      <c r="D102" s="95" t="s">
        <v>20</v>
      </c>
      <c r="E102" s="43" t="s">
        <v>9</v>
      </c>
      <c r="F102" s="95" t="s">
        <v>48</v>
      </c>
      <c r="G102" s="95" t="s">
        <v>12</v>
      </c>
      <c r="H102" s="95" t="s">
        <v>12</v>
      </c>
      <c r="I102" s="95" t="s">
        <v>12</v>
      </c>
      <c r="J102" s="95" t="s">
        <v>12</v>
      </c>
      <c r="K102" s="95" t="s">
        <v>11</v>
      </c>
      <c r="L102" s="95" t="s">
        <v>11</v>
      </c>
      <c r="M102" s="95" t="s">
        <v>12</v>
      </c>
      <c r="N102" s="197" t="s">
        <v>942</v>
      </c>
      <c r="O102" s="95" t="s">
        <v>947</v>
      </c>
      <c r="P102" s="198" t="s">
        <v>616</v>
      </c>
      <c r="Q102" s="114">
        <v>388</v>
      </c>
      <c r="R102" s="51" t="s">
        <v>1952</v>
      </c>
    </row>
    <row r="103" spans="1:19" s="51" customFormat="1" ht="50.15" customHeight="1">
      <c r="A103" s="200" t="s">
        <v>406</v>
      </c>
      <c r="B103" s="52" t="s">
        <v>1463</v>
      </c>
      <c r="C103" s="102"/>
      <c r="D103" s="95" t="s">
        <v>8</v>
      </c>
      <c r="E103" s="43" t="s">
        <v>9</v>
      </c>
      <c r="F103" s="95" t="s">
        <v>48</v>
      </c>
      <c r="G103" s="95" t="s">
        <v>12</v>
      </c>
      <c r="H103" s="95" t="s">
        <v>12</v>
      </c>
      <c r="I103" s="95" t="s">
        <v>12</v>
      </c>
      <c r="J103" s="95" t="s">
        <v>12</v>
      </c>
      <c r="K103" s="95" t="s">
        <v>11</v>
      </c>
      <c r="L103" s="95" t="s">
        <v>11</v>
      </c>
      <c r="M103" s="95" t="s">
        <v>12</v>
      </c>
      <c r="N103" s="95" t="s">
        <v>22</v>
      </c>
      <c r="O103" s="95" t="s">
        <v>948</v>
      </c>
      <c r="P103" s="198" t="s">
        <v>949</v>
      </c>
      <c r="Q103" s="114">
        <v>319</v>
      </c>
      <c r="R103" s="51" t="s">
        <v>1952</v>
      </c>
    </row>
    <row r="104" spans="1:19" s="51" customFormat="1" ht="50.15" customHeight="1">
      <c r="A104" s="200" t="s">
        <v>406</v>
      </c>
      <c r="B104" s="52" t="s">
        <v>618</v>
      </c>
      <c r="C104" s="206"/>
      <c r="D104" s="95" t="s">
        <v>18</v>
      </c>
      <c r="E104" s="43" t="s">
        <v>9</v>
      </c>
      <c r="F104" s="95" t="s">
        <v>48</v>
      </c>
      <c r="G104" s="95" t="s">
        <v>12</v>
      </c>
      <c r="H104" s="95" t="s">
        <v>12</v>
      </c>
      <c r="I104" s="95" t="s">
        <v>12</v>
      </c>
      <c r="J104" s="95" t="s">
        <v>12</v>
      </c>
      <c r="K104" s="95" t="s">
        <v>11</v>
      </c>
      <c r="L104" s="95" t="s">
        <v>11</v>
      </c>
      <c r="M104" s="95" t="s">
        <v>12</v>
      </c>
      <c r="N104" s="95" t="s">
        <v>22</v>
      </c>
      <c r="O104" s="95" t="s">
        <v>950</v>
      </c>
      <c r="P104" s="198" t="s">
        <v>951</v>
      </c>
      <c r="Q104" s="114">
        <v>353</v>
      </c>
      <c r="R104" s="51" t="s">
        <v>1952</v>
      </c>
    </row>
    <row r="105" spans="1:19" s="51" customFormat="1" ht="50.15" customHeight="1">
      <c r="A105" s="200" t="s">
        <v>406</v>
      </c>
      <c r="B105" s="52" t="s">
        <v>614</v>
      </c>
      <c r="C105" s="103"/>
      <c r="D105" s="95" t="s">
        <v>20</v>
      </c>
      <c r="E105" s="43" t="s">
        <v>9</v>
      </c>
      <c r="F105" s="95" t="s">
        <v>48</v>
      </c>
      <c r="G105" s="95" t="s">
        <v>12</v>
      </c>
      <c r="H105" s="95" t="s">
        <v>12</v>
      </c>
      <c r="I105" s="95" t="s">
        <v>12</v>
      </c>
      <c r="J105" s="95" t="s">
        <v>12</v>
      </c>
      <c r="K105" s="95" t="s">
        <v>11</v>
      </c>
      <c r="L105" s="95" t="s">
        <v>11</v>
      </c>
      <c r="M105" s="95" t="s">
        <v>12</v>
      </c>
      <c r="N105" s="95" t="s">
        <v>22</v>
      </c>
      <c r="O105" s="95" t="s">
        <v>952</v>
      </c>
      <c r="P105" s="198" t="s">
        <v>617</v>
      </c>
      <c r="Q105" s="114">
        <v>388</v>
      </c>
      <c r="R105" s="51" t="s">
        <v>1952</v>
      </c>
    </row>
    <row r="106" spans="1:19" s="150" customFormat="1" ht="50.15" customHeight="1">
      <c r="A106" s="116" t="s">
        <v>7</v>
      </c>
      <c r="B106" s="116" t="s">
        <v>54</v>
      </c>
      <c r="C106" s="183"/>
      <c r="D106" s="116" t="s">
        <v>20</v>
      </c>
      <c r="E106" s="115" t="s">
        <v>9</v>
      </c>
      <c r="F106" s="116" t="s">
        <v>46</v>
      </c>
      <c r="G106" s="116" t="s">
        <v>12</v>
      </c>
      <c r="H106" s="116" t="s">
        <v>12</v>
      </c>
      <c r="I106" s="116" t="s">
        <v>11</v>
      </c>
      <c r="J106" s="116" t="s">
        <v>11</v>
      </c>
      <c r="K106" s="116" t="s">
        <v>11</v>
      </c>
      <c r="L106" s="116" t="s">
        <v>11</v>
      </c>
      <c r="M106" s="116" t="s">
        <v>11</v>
      </c>
      <c r="N106" s="116" t="s">
        <v>13</v>
      </c>
      <c r="O106" s="116" t="s">
        <v>586</v>
      </c>
      <c r="P106" s="116" t="s">
        <v>55</v>
      </c>
      <c r="Q106" s="148">
        <v>390</v>
      </c>
      <c r="R106" s="149" t="s">
        <v>1952</v>
      </c>
      <c r="S106" s="149" t="s">
        <v>1954</v>
      </c>
    </row>
    <row r="107" spans="1:19" s="150" customFormat="1" ht="50.15" customHeight="1">
      <c r="A107" s="116" t="s">
        <v>7</v>
      </c>
      <c r="B107" s="116" t="s">
        <v>56</v>
      </c>
      <c r="C107" s="207"/>
      <c r="D107" s="116" t="s">
        <v>20</v>
      </c>
      <c r="E107" s="115" t="s">
        <v>9</v>
      </c>
      <c r="F107" s="116" t="s">
        <v>48</v>
      </c>
      <c r="G107" s="116" t="s">
        <v>12</v>
      </c>
      <c r="H107" s="116" t="s">
        <v>12</v>
      </c>
      <c r="I107" s="116" t="s">
        <v>11</v>
      </c>
      <c r="J107" s="116" t="s">
        <v>11</v>
      </c>
      <c r="K107" s="116" t="s">
        <v>11</v>
      </c>
      <c r="L107" s="116" t="s">
        <v>11</v>
      </c>
      <c r="M107" s="116" t="s">
        <v>11</v>
      </c>
      <c r="N107" s="116" t="s">
        <v>13</v>
      </c>
      <c r="O107" s="116" t="s">
        <v>587</v>
      </c>
      <c r="P107" s="116" t="s">
        <v>57</v>
      </c>
      <c r="Q107" s="148">
        <v>420</v>
      </c>
      <c r="R107" s="149" t="s">
        <v>1952</v>
      </c>
      <c r="S107" s="149" t="s">
        <v>1954</v>
      </c>
    </row>
    <row r="108" spans="1:19" s="124" customFormat="1" ht="50.15" customHeight="1">
      <c r="A108" s="115" t="s">
        <v>406</v>
      </c>
      <c r="B108" s="181" t="s">
        <v>498</v>
      </c>
      <c r="C108" s="117"/>
      <c r="D108" s="116" t="s">
        <v>407</v>
      </c>
      <c r="E108" s="115" t="s">
        <v>9</v>
      </c>
      <c r="F108" s="116" t="s">
        <v>48</v>
      </c>
      <c r="G108" s="116" t="s">
        <v>12</v>
      </c>
      <c r="H108" s="116" t="s">
        <v>12</v>
      </c>
      <c r="I108" s="116" t="s">
        <v>11</v>
      </c>
      <c r="J108" s="116" t="s">
        <v>11</v>
      </c>
      <c r="K108" s="116" t="s">
        <v>11</v>
      </c>
      <c r="L108" s="116" t="s">
        <v>11</v>
      </c>
      <c r="M108" s="116" t="s">
        <v>12</v>
      </c>
      <c r="N108" s="181" t="s">
        <v>409</v>
      </c>
      <c r="O108" s="116" t="s">
        <v>410</v>
      </c>
      <c r="P108" s="208" t="s">
        <v>411</v>
      </c>
      <c r="Q108" s="148">
        <v>280</v>
      </c>
      <c r="R108" s="149" t="s">
        <v>1952</v>
      </c>
      <c r="S108" s="149" t="s">
        <v>1954</v>
      </c>
    </row>
    <row r="109" spans="1:19" s="150" customFormat="1" ht="50.15" customHeight="1">
      <c r="A109" s="116" t="s">
        <v>7</v>
      </c>
      <c r="B109" s="116" t="s">
        <v>302</v>
      </c>
      <c r="C109" s="145"/>
      <c r="D109" s="116" t="s">
        <v>8</v>
      </c>
      <c r="E109" s="115" t="s">
        <v>9</v>
      </c>
      <c r="F109" s="116" t="s">
        <v>46</v>
      </c>
      <c r="G109" s="116" t="s">
        <v>12</v>
      </c>
      <c r="H109" s="116" t="s">
        <v>12</v>
      </c>
      <c r="I109" s="116" t="s">
        <v>11</v>
      </c>
      <c r="J109" s="116" t="s">
        <v>11</v>
      </c>
      <c r="K109" s="116" t="s">
        <v>11</v>
      </c>
      <c r="L109" s="116" t="s">
        <v>11</v>
      </c>
      <c r="M109" s="116" t="s">
        <v>12</v>
      </c>
      <c r="N109" s="116" t="s">
        <v>58</v>
      </c>
      <c r="O109" s="116" t="s">
        <v>152</v>
      </c>
      <c r="P109" s="116" t="s">
        <v>59</v>
      </c>
      <c r="Q109" s="148">
        <v>288</v>
      </c>
      <c r="R109" s="149" t="s">
        <v>1952</v>
      </c>
      <c r="S109" s="149" t="s">
        <v>1954</v>
      </c>
    </row>
    <row r="110" spans="1:19" s="150" customFormat="1" ht="50.15" customHeight="1">
      <c r="A110" s="116" t="s">
        <v>7</v>
      </c>
      <c r="B110" s="116" t="s">
        <v>60</v>
      </c>
      <c r="C110" s="145"/>
      <c r="D110" s="116" t="s">
        <v>8</v>
      </c>
      <c r="E110" s="115" t="s">
        <v>9</v>
      </c>
      <c r="F110" s="116" t="s">
        <v>48</v>
      </c>
      <c r="G110" s="116" t="s">
        <v>12</v>
      </c>
      <c r="H110" s="116" t="s">
        <v>12</v>
      </c>
      <c r="I110" s="116" t="s">
        <v>11</v>
      </c>
      <c r="J110" s="116" t="s">
        <v>11</v>
      </c>
      <c r="K110" s="116" t="s">
        <v>11</v>
      </c>
      <c r="L110" s="116" t="s">
        <v>11</v>
      </c>
      <c r="M110" s="116" t="s">
        <v>12</v>
      </c>
      <c r="N110" s="116" t="s">
        <v>58</v>
      </c>
      <c r="O110" s="116" t="s">
        <v>153</v>
      </c>
      <c r="P110" s="116" t="s">
        <v>61</v>
      </c>
      <c r="Q110" s="148">
        <v>310</v>
      </c>
      <c r="R110" s="149" t="s">
        <v>1952</v>
      </c>
      <c r="S110" s="149" t="s">
        <v>1954</v>
      </c>
    </row>
    <row r="111" spans="1:19" s="150" customFormat="1" ht="50.15" customHeight="1">
      <c r="A111" s="116" t="s">
        <v>7</v>
      </c>
      <c r="B111" s="116" t="s">
        <v>62</v>
      </c>
      <c r="C111" s="145"/>
      <c r="D111" s="116" t="s">
        <v>20</v>
      </c>
      <c r="E111" s="115" t="s">
        <v>9</v>
      </c>
      <c r="F111" s="116" t="s">
        <v>46</v>
      </c>
      <c r="G111" s="116" t="s">
        <v>12</v>
      </c>
      <c r="H111" s="116" t="s">
        <v>12</v>
      </c>
      <c r="I111" s="116" t="s">
        <v>11</v>
      </c>
      <c r="J111" s="116" t="s">
        <v>11</v>
      </c>
      <c r="K111" s="116" t="s">
        <v>11</v>
      </c>
      <c r="L111" s="116" t="s">
        <v>11</v>
      </c>
      <c r="M111" s="116" t="s">
        <v>12</v>
      </c>
      <c r="N111" s="116" t="s">
        <v>58</v>
      </c>
      <c r="O111" s="116" t="s">
        <v>588</v>
      </c>
      <c r="P111" s="116" t="s">
        <v>63</v>
      </c>
      <c r="Q111" s="148">
        <v>395</v>
      </c>
      <c r="R111" s="149" t="s">
        <v>1952</v>
      </c>
      <c r="S111" s="149" t="s">
        <v>1954</v>
      </c>
    </row>
    <row r="112" spans="1:19" s="150" customFormat="1" ht="50.15" customHeight="1">
      <c r="A112" s="116" t="s">
        <v>7</v>
      </c>
      <c r="B112" s="116" t="s">
        <v>64</v>
      </c>
      <c r="C112" s="145"/>
      <c r="D112" s="116" t="s">
        <v>20</v>
      </c>
      <c r="E112" s="115" t="s">
        <v>9</v>
      </c>
      <c r="F112" s="116" t="s">
        <v>48</v>
      </c>
      <c r="G112" s="116" t="s">
        <v>12</v>
      </c>
      <c r="H112" s="116" t="s">
        <v>12</v>
      </c>
      <c r="I112" s="116" t="s">
        <v>11</v>
      </c>
      <c r="J112" s="116" t="s">
        <v>11</v>
      </c>
      <c r="K112" s="116" t="s">
        <v>11</v>
      </c>
      <c r="L112" s="116" t="s">
        <v>11</v>
      </c>
      <c r="M112" s="116" t="s">
        <v>12</v>
      </c>
      <c r="N112" s="116" t="s">
        <v>58</v>
      </c>
      <c r="O112" s="116" t="s">
        <v>589</v>
      </c>
      <c r="P112" s="116" t="s">
        <v>65</v>
      </c>
      <c r="Q112" s="148">
        <v>420</v>
      </c>
      <c r="R112" s="149" t="s">
        <v>1952</v>
      </c>
      <c r="S112" s="149" t="s">
        <v>1954</v>
      </c>
    </row>
    <row r="113" spans="1:19" s="56" customFormat="1" ht="50.15" customHeight="1">
      <c r="A113" s="42" t="s">
        <v>229</v>
      </c>
      <c r="B113" s="53" t="s">
        <v>1106</v>
      </c>
      <c r="C113" s="209"/>
      <c r="D113" s="95" t="s">
        <v>8</v>
      </c>
      <c r="E113" s="43" t="s">
        <v>9</v>
      </c>
      <c r="F113" s="95" t="s">
        <v>10</v>
      </c>
      <c r="G113" s="95" t="s">
        <v>12</v>
      </c>
      <c r="H113" s="95" t="s">
        <v>12</v>
      </c>
      <c r="I113" s="95" t="s">
        <v>12</v>
      </c>
      <c r="J113" s="95" t="s">
        <v>12</v>
      </c>
      <c r="K113" s="95" t="s">
        <v>11</v>
      </c>
      <c r="L113" s="95" t="s">
        <v>12</v>
      </c>
      <c r="M113" s="95" t="s">
        <v>12</v>
      </c>
      <c r="N113" s="170" t="s">
        <v>1102</v>
      </c>
      <c r="O113" s="163" t="s">
        <v>1408</v>
      </c>
      <c r="P113" s="210" t="s">
        <v>1103</v>
      </c>
      <c r="Q113" s="114">
        <v>331</v>
      </c>
      <c r="R113" s="56" t="s">
        <v>1953</v>
      </c>
    </row>
    <row r="114" spans="1:19" s="56" customFormat="1" ht="50.15" customHeight="1">
      <c r="A114" s="42" t="s">
        <v>1409</v>
      </c>
      <c r="B114" s="53" t="s">
        <v>1410</v>
      </c>
      <c r="C114" s="211"/>
      <c r="D114" s="95" t="s">
        <v>8</v>
      </c>
      <c r="E114" s="43" t="s">
        <v>9</v>
      </c>
      <c r="F114" s="95" t="s">
        <v>1411</v>
      </c>
      <c r="G114" s="95" t="s">
        <v>12</v>
      </c>
      <c r="H114" s="95" t="s">
        <v>12</v>
      </c>
      <c r="I114" s="95" t="s">
        <v>12</v>
      </c>
      <c r="J114" s="95" t="s">
        <v>12</v>
      </c>
      <c r="K114" s="95" t="s">
        <v>11</v>
      </c>
      <c r="L114" s="95" t="s">
        <v>12</v>
      </c>
      <c r="M114" s="95" t="s">
        <v>12</v>
      </c>
      <c r="N114" s="170" t="s">
        <v>1102</v>
      </c>
      <c r="O114" s="164"/>
      <c r="P114" s="210" t="s">
        <v>1104</v>
      </c>
      <c r="Q114" s="114">
        <v>331</v>
      </c>
      <c r="R114" s="56" t="s">
        <v>1953</v>
      </c>
    </row>
    <row r="115" spans="1:19" s="56" customFormat="1" ht="50.15" customHeight="1">
      <c r="A115" s="212" t="s">
        <v>1405</v>
      </c>
      <c r="B115" s="53" t="s">
        <v>1412</v>
      </c>
      <c r="C115" s="211"/>
      <c r="D115" s="95" t="s">
        <v>18</v>
      </c>
      <c r="E115" s="43" t="s">
        <v>9</v>
      </c>
      <c r="F115" s="95" t="s">
        <v>10</v>
      </c>
      <c r="G115" s="95" t="s">
        <v>12</v>
      </c>
      <c r="H115" s="95" t="s">
        <v>12</v>
      </c>
      <c r="I115" s="95" t="s">
        <v>12</v>
      </c>
      <c r="J115" s="95" t="s">
        <v>12</v>
      </c>
      <c r="K115" s="95" t="s">
        <v>11</v>
      </c>
      <c r="L115" s="173" t="s">
        <v>68</v>
      </c>
      <c r="M115" s="95" t="s">
        <v>12</v>
      </c>
      <c r="N115" s="170" t="s">
        <v>1107</v>
      </c>
      <c r="O115" s="163" t="s">
        <v>1413</v>
      </c>
      <c r="P115" s="95" t="s">
        <v>1108</v>
      </c>
      <c r="Q115" s="114">
        <v>411</v>
      </c>
      <c r="R115" s="56" t="s">
        <v>1952</v>
      </c>
    </row>
    <row r="116" spans="1:19" s="56" customFormat="1" ht="50.15" customHeight="1">
      <c r="A116" s="212" t="s">
        <v>1414</v>
      </c>
      <c r="B116" s="53" t="s">
        <v>558</v>
      </c>
      <c r="C116" s="211"/>
      <c r="D116" s="95" t="s">
        <v>18</v>
      </c>
      <c r="E116" s="43" t="s">
        <v>9</v>
      </c>
      <c r="F116" s="95" t="s">
        <v>1411</v>
      </c>
      <c r="G116" s="95" t="s">
        <v>12</v>
      </c>
      <c r="H116" s="95" t="s">
        <v>12</v>
      </c>
      <c r="I116" s="95" t="s">
        <v>12</v>
      </c>
      <c r="J116" s="95" t="s">
        <v>12</v>
      </c>
      <c r="K116" s="95" t="s">
        <v>11</v>
      </c>
      <c r="L116" s="173" t="s">
        <v>68</v>
      </c>
      <c r="M116" s="95" t="s">
        <v>12</v>
      </c>
      <c r="N116" s="170" t="s">
        <v>1415</v>
      </c>
      <c r="O116" s="164"/>
      <c r="P116" s="95" t="s">
        <v>1109</v>
      </c>
      <c r="Q116" s="114">
        <v>411</v>
      </c>
      <c r="R116" s="56" t="s">
        <v>1953</v>
      </c>
    </row>
    <row r="117" spans="1:19" s="56" customFormat="1" ht="50.15" customHeight="1">
      <c r="A117" s="42" t="s">
        <v>1416</v>
      </c>
      <c r="B117" s="53" t="s">
        <v>1417</v>
      </c>
      <c r="C117" s="211"/>
      <c r="D117" s="95" t="s">
        <v>1418</v>
      </c>
      <c r="E117" s="43" t="s">
        <v>9</v>
      </c>
      <c r="F117" s="170" t="s">
        <v>10</v>
      </c>
      <c r="G117" s="95" t="s">
        <v>12</v>
      </c>
      <c r="H117" s="95" t="s">
        <v>12</v>
      </c>
      <c r="I117" s="95" t="s">
        <v>12</v>
      </c>
      <c r="J117" s="95" t="s">
        <v>12</v>
      </c>
      <c r="K117" s="95" t="s">
        <v>11</v>
      </c>
      <c r="L117" s="173" t="s">
        <v>68</v>
      </c>
      <c r="M117" s="95" t="s">
        <v>12</v>
      </c>
      <c r="N117" s="170" t="s">
        <v>1107</v>
      </c>
      <c r="O117" s="163" t="s">
        <v>1419</v>
      </c>
      <c r="P117" s="213" t="s">
        <v>1111</v>
      </c>
      <c r="Q117" s="114">
        <v>434</v>
      </c>
      <c r="R117" s="56" t="s">
        <v>1953</v>
      </c>
    </row>
    <row r="118" spans="1:19" s="56" customFormat="1" ht="50.15" customHeight="1">
      <c r="A118" s="42" t="s">
        <v>1416</v>
      </c>
      <c r="B118" s="53" t="s">
        <v>559</v>
      </c>
      <c r="C118" s="214"/>
      <c r="D118" s="95" t="s">
        <v>1418</v>
      </c>
      <c r="E118" s="43" t="s">
        <v>9</v>
      </c>
      <c r="F118" s="170" t="s">
        <v>1420</v>
      </c>
      <c r="G118" s="95" t="s">
        <v>12</v>
      </c>
      <c r="H118" s="95" t="s">
        <v>12</v>
      </c>
      <c r="I118" s="95" t="s">
        <v>12</v>
      </c>
      <c r="J118" s="95" t="s">
        <v>12</v>
      </c>
      <c r="K118" s="95" t="s">
        <v>11</v>
      </c>
      <c r="L118" s="173" t="s">
        <v>68</v>
      </c>
      <c r="M118" s="95" t="s">
        <v>12</v>
      </c>
      <c r="N118" s="170" t="s">
        <v>1107</v>
      </c>
      <c r="O118" s="164"/>
      <c r="P118" s="213" t="s">
        <v>1112</v>
      </c>
      <c r="Q118" s="114">
        <v>434</v>
      </c>
      <c r="R118" s="56" t="s">
        <v>1953</v>
      </c>
    </row>
    <row r="119" spans="1:19" s="219" customFormat="1" ht="50.15" customHeight="1">
      <c r="A119" s="215" t="s">
        <v>303</v>
      </c>
      <c r="B119" s="216" t="s">
        <v>1490</v>
      </c>
      <c r="C119" s="217"/>
      <c r="D119" s="216" t="s">
        <v>18</v>
      </c>
      <c r="E119" s="215" t="s">
        <v>9</v>
      </c>
      <c r="F119" s="216" t="s">
        <v>248</v>
      </c>
      <c r="G119" s="216" t="s">
        <v>12</v>
      </c>
      <c r="H119" s="216" t="s">
        <v>12</v>
      </c>
      <c r="I119" s="216" t="s">
        <v>11</v>
      </c>
      <c r="J119" s="216" t="s">
        <v>304</v>
      </c>
      <c r="K119" s="216" t="s">
        <v>11</v>
      </c>
      <c r="L119" s="216" t="s">
        <v>11</v>
      </c>
      <c r="M119" s="216" t="s">
        <v>11</v>
      </c>
      <c r="N119" s="216" t="s">
        <v>305</v>
      </c>
      <c r="O119" s="216" t="s">
        <v>306</v>
      </c>
      <c r="P119" s="216" t="s">
        <v>1491</v>
      </c>
      <c r="Q119" s="153">
        <v>251</v>
      </c>
      <c r="R119" s="218" t="s">
        <v>1952</v>
      </c>
      <c r="S119" s="218" t="s">
        <v>1954</v>
      </c>
    </row>
    <row r="120" spans="1:19" s="219" customFormat="1" ht="50.15" customHeight="1">
      <c r="A120" s="115" t="s">
        <v>229</v>
      </c>
      <c r="B120" s="116" t="s">
        <v>232</v>
      </c>
      <c r="C120" s="220"/>
      <c r="D120" s="116" t="s">
        <v>233</v>
      </c>
      <c r="E120" s="115" t="s">
        <v>9</v>
      </c>
      <c r="F120" s="116" t="s">
        <v>14</v>
      </c>
      <c r="G120" s="116" t="s">
        <v>12</v>
      </c>
      <c r="H120" s="116" t="s">
        <v>12</v>
      </c>
      <c r="I120" s="116" t="s">
        <v>231</v>
      </c>
      <c r="J120" s="116" t="s">
        <v>228</v>
      </c>
      <c r="K120" s="116" t="s">
        <v>11</v>
      </c>
      <c r="L120" s="116" t="s">
        <v>11</v>
      </c>
      <c r="M120" s="116" t="s">
        <v>11</v>
      </c>
      <c r="N120" s="116" t="s">
        <v>156</v>
      </c>
      <c r="O120" s="147" t="s">
        <v>307</v>
      </c>
      <c r="P120" s="116" t="s">
        <v>234</v>
      </c>
      <c r="Q120" s="153">
        <v>296</v>
      </c>
      <c r="R120" s="218" t="s">
        <v>1952</v>
      </c>
      <c r="S120" s="218" t="s">
        <v>1954</v>
      </c>
    </row>
    <row r="121" spans="1:19" s="219" customFormat="1" ht="50.15" customHeight="1">
      <c r="A121" s="115" t="s">
        <v>308</v>
      </c>
      <c r="B121" s="116" t="s">
        <v>235</v>
      </c>
      <c r="C121" s="220"/>
      <c r="D121" s="116" t="s">
        <v>20</v>
      </c>
      <c r="E121" s="115" t="s">
        <v>9</v>
      </c>
      <c r="F121" s="116" t="s">
        <v>10</v>
      </c>
      <c r="G121" s="116" t="s">
        <v>12</v>
      </c>
      <c r="H121" s="116" t="s">
        <v>12</v>
      </c>
      <c r="I121" s="116" t="s">
        <v>231</v>
      </c>
      <c r="J121" s="116" t="s">
        <v>228</v>
      </c>
      <c r="K121" s="116" t="s">
        <v>11</v>
      </c>
      <c r="L121" s="116" t="s">
        <v>11</v>
      </c>
      <c r="M121" s="116" t="s">
        <v>11</v>
      </c>
      <c r="N121" s="116" t="s">
        <v>156</v>
      </c>
      <c r="O121" s="147"/>
      <c r="P121" s="116" t="s">
        <v>309</v>
      </c>
      <c r="Q121" s="153">
        <v>296</v>
      </c>
      <c r="R121" s="218" t="s">
        <v>1952</v>
      </c>
      <c r="S121" s="218" t="s">
        <v>1954</v>
      </c>
    </row>
    <row r="122" spans="1:19" s="224" customFormat="1" ht="50.15" customHeight="1">
      <c r="A122" s="115" t="s">
        <v>310</v>
      </c>
      <c r="B122" s="221" t="s">
        <v>311</v>
      </c>
      <c r="C122" s="222"/>
      <c r="D122" s="116" t="s">
        <v>20</v>
      </c>
      <c r="E122" s="115" t="s">
        <v>9</v>
      </c>
      <c r="F122" s="118" t="s">
        <v>14</v>
      </c>
      <c r="G122" s="116" t="s">
        <v>12</v>
      </c>
      <c r="H122" s="116" t="s">
        <v>12</v>
      </c>
      <c r="I122" s="116" t="s">
        <v>312</v>
      </c>
      <c r="J122" s="116" t="s">
        <v>11</v>
      </c>
      <c r="K122" s="223" t="s">
        <v>68</v>
      </c>
      <c r="L122" s="223" t="s">
        <v>68</v>
      </c>
      <c r="M122" s="116" t="s">
        <v>11</v>
      </c>
      <c r="N122" s="116" t="s">
        <v>157</v>
      </c>
      <c r="O122" s="152" t="s">
        <v>313</v>
      </c>
      <c r="P122" s="116" t="s">
        <v>314</v>
      </c>
      <c r="Q122" s="153">
        <v>296</v>
      </c>
      <c r="R122" s="218" t="s">
        <v>1952</v>
      </c>
      <c r="S122" s="218" t="s">
        <v>1954</v>
      </c>
    </row>
    <row r="123" spans="1:19" s="224" customFormat="1" ht="50.15" customHeight="1">
      <c r="A123" s="115" t="s">
        <v>315</v>
      </c>
      <c r="B123" s="221" t="s">
        <v>316</v>
      </c>
      <c r="C123" s="217"/>
      <c r="D123" s="116" t="s">
        <v>20</v>
      </c>
      <c r="E123" s="115" t="s">
        <v>9</v>
      </c>
      <c r="F123" s="118" t="s">
        <v>10</v>
      </c>
      <c r="G123" s="116" t="s">
        <v>12</v>
      </c>
      <c r="H123" s="116" t="s">
        <v>12</v>
      </c>
      <c r="I123" s="116" t="s">
        <v>253</v>
      </c>
      <c r="J123" s="116" t="s">
        <v>11</v>
      </c>
      <c r="K123" s="223" t="s">
        <v>68</v>
      </c>
      <c r="L123" s="223" t="s">
        <v>68</v>
      </c>
      <c r="M123" s="116" t="s">
        <v>11</v>
      </c>
      <c r="N123" s="116" t="s">
        <v>157</v>
      </c>
      <c r="O123" s="155"/>
      <c r="P123" s="116" t="s">
        <v>317</v>
      </c>
      <c r="Q123" s="153">
        <v>296</v>
      </c>
      <c r="R123" s="218" t="s">
        <v>1952</v>
      </c>
      <c r="S123" s="218" t="s">
        <v>1954</v>
      </c>
    </row>
    <row r="124" spans="1:19" s="224" customFormat="1" ht="50.15" customHeight="1">
      <c r="A124" s="115" t="s">
        <v>229</v>
      </c>
      <c r="B124" s="221" t="s">
        <v>319</v>
      </c>
      <c r="C124" s="152"/>
      <c r="D124" s="116" t="s">
        <v>18</v>
      </c>
      <c r="E124" s="115" t="s">
        <v>9</v>
      </c>
      <c r="F124" s="118" t="s">
        <v>412</v>
      </c>
      <c r="G124" s="116" t="s">
        <v>12</v>
      </c>
      <c r="H124" s="116" t="s">
        <v>12</v>
      </c>
      <c r="I124" s="116" t="s">
        <v>413</v>
      </c>
      <c r="J124" s="116" t="s">
        <v>414</v>
      </c>
      <c r="K124" s="116" t="s">
        <v>11</v>
      </c>
      <c r="L124" s="116" t="s">
        <v>11</v>
      </c>
      <c r="M124" s="116" t="s">
        <v>11</v>
      </c>
      <c r="N124" s="118" t="s">
        <v>415</v>
      </c>
      <c r="O124" s="152" t="s">
        <v>416</v>
      </c>
      <c r="P124" s="116" t="s">
        <v>417</v>
      </c>
      <c r="Q124" s="153">
        <v>251</v>
      </c>
      <c r="R124" s="218" t="s">
        <v>1952</v>
      </c>
      <c r="S124" s="218" t="s">
        <v>1954</v>
      </c>
    </row>
    <row r="125" spans="1:19" s="224" customFormat="1" ht="50.15" customHeight="1">
      <c r="A125" s="115" t="s">
        <v>418</v>
      </c>
      <c r="B125" s="221" t="s">
        <v>419</v>
      </c>
      <c r="C125" s="225"/>
      <c r="D125" s="116" t="s">
        <v>18</v>
      </c>
      <c r="E125" s="115" t="s">
        <v>9</v>
      </c>
      <c r="F125" s="118" t="s">
        <v>420</v>
      </c>
      <c r="G125" s="116" t="s">
        <v>12</v>
      </c>
      <c r="H125" s="116" t="s">
        <v>12</v>
      </c>
      <c r="I125" s="116" t="s">
        <v>413</v>
      </c>
      <c r="J125" s="116" t="s">
        <v>414</v>
      </c>
      <c r="K125" s="116" t="s">
        <v>11</v>
      </c>
      <c r="L125" s="116" t="s">
        <v>11</v>
      </c>
      <c r="M125" s="116" t="s">
        <v>11</v>
      </c>
      <c r="N125" s="118" t="s">
        <v>421</v>
      </c>
      <c r="O125" s="155"/>
      <c r="P125" s="116" t="s">
        <v>422</v>
      </c>
      <c r="Q125" s="153">
        <v>251</v>
      </c>
      <c r="R125" s="218" t="s">
        <v>1952</v>
      </c>
      <c r="S125" s="218" t="s">
        <v>1954</v>
      </c>
    </row>
    <row r="126" spans="1:19" s="224" customFormat="1" ht="50.15" customHeight="1">
      <c r="A126" s="115" t="s">
        <v>418</v>
      </c>
      <c r="B126" s="221" t="s">
        <v>423</v>
      </c>
      <c r="C126" s="225"/>
      <c r="D126" s="116" t="s">
        <v>20</v>
      </c>
      <c r="E126" s="115" t="s">
        <v>9</v>
      </c>
      <c r="F126" s="118" t="s">
        <v>14</v>
      </c>
      <c r="G126" s="116" t="s">
        <v>12</v>
      </c>
      <c r="H126" s="116" t="s">
        <v>12</v>
      </c>
      <c r="I126" s="116" t="s">
        <v>413</v>
      </c>
      <c r="J126" s="116" t="s">
        <v>414</v>
      </c>
      <c r="K126" s="116" t="s">
        <v>11</v>
      </c>
      <c r="L126" s="116" t="s">
        <v>11</v>
      </c>
      <c r="M126" s="116" t="s">
        <v>11</v>
      </c>
      <c r="N126" s="118" t="s">
        <v>421</v>
      </c>
      <c r="O126" s="152" t="s">
        <v>424</v>
      </c>
      <c r="P126" s="116" t="s">
        <v>425</v>
      </c>
      <c r="Q126" s="153">
        <v>296</v>
      </c>
      <c r="R126" s="218" t="s">
        <v>1952</v>
      </c>
      <c r="S126" s="218" t="s">
        <v>1954</v>
      </c>
    </row>
    <row r="127" spans="1:19" s="224" customFormat="1" ht="50.15" customHeight="1">
      <c r="A127" s="115" t="s">
        <v>418</v>
      </c>
      <c r="B127" s="221" t="s">
        <v>426</v>
      </c>
      <c r="C127" s="155"/>
      <c r="D127" s="116" t="s">
        <v>20</v>
      </c>
      <c r="E127" s="115" t="s">
        <v>9</v>
      </c>
      <c r="F127" s="118" t="s">
        <v>10</v>
      </c>
      <c r="G127" s="116" t="s">
        <v>12</v>
      </c>
      <c r="H127" s="116" t="s">
        <v>12</v>
      </c>
      <c r="I127" s="116" t="s">
        <v>413</v>
      </c>
      <c r="J127" s="116" t="s">
        <v>414</v>
      </c>
      <c r="K127" s="116" t="s">
        <v>11</v>
      </c>
      <c r="L127" s="116" t="s">
        <v>11</v>
      </c>
      <c r="M127" s="116" t="s">
        <v>11</v>
      </c>
      <c r="N127" s="118" t="s">
        <v>158</v>
      </c>
      <c r="O127" s="225"/>
      <c r="P127" s="116" t="s">
        <v>427</v>
      </c>
      <c r="Q127" s="153">
        <v>296</v>
      </c>
      <c r="R127" s="218" t="s">
        <v>1952</v>
      </c>
      <c r="S127" s="218" t="s">
        <v>1954</v>
      </c>
    </row>
    <row r="128" spans="1:19" s="224" customFormat="1" ht="50.15" customHeight="1">
      <c r="A128" s="115" t="s">
        <v>315</v>
      </c>
      <c r="B128" s="221" t="s">
        <v>320</v>
      </c>
      <c r="C128" s="226"/>
      <c r="D128" s="116" t="s">
        <v>18</v>
      </c>
      <c r="E128" s="115" t="s">
        <v>9</v>
      </c>
      <c r="F128" s="118" t="s">
        <v>48</v>
      </c>
      <c r="G128" s="116" t="s">
        <v>12</v>
      </c>
      <c r="H128" s="116" t="s">
        <v>12</v>
      </c>
      <c r="I128" s="116" t="s">
        <v>253</v>
      </c>
      <c r="J128" s="116" t="s">
        <v>11</v>
      </c>
      <c r="K128" s="223" t="s">
        <v>68</v>
      </c>
      <c r="L128" s="227" t="s">
        <v>68</v>
      </c>
      <c r="M128" s="116" t="s">
        <v>12</v>
      </c>
      <c r="N128" s="118" t="s">
        <v>619</v>
      </c>
      <c r="O128" s="118" t="s">
        <v>620</v>
      </c>
      <c r="P128" s="116" t="s">
        <v>621</v>
      </c>
      <c r="Q128" s="153">
        <v>399</v>
      </c>
      <c r="R128" s="218" t="s">
        <v>1952</v>
      </c>
      <c r="S128" s="218" t="s">
        <v>1954</v>
      </c>
    </row>
    <row r="129" spans="1:19" s="224" customFormat="1" ht="50.15" customHeight="1">
      <c r="A129" s="115" t="s">
        <v>315</v>
      </c>
      <c r="B129" s="221" t="s">
        <v>321</v>
      </c>
      <c r="C129" s="226"/>
      <c r="D129" s="116" t="s">
        <v>20</v>
      </c>
      <c r="E129" s="115" t="s">
        <v>9</v>
      </c>
      <c r="F129" s="118" t="s">
        <v>48</v>
      </c>
      <c r="G129" s="116" t="s">
        <v>12</v>
      </c>
      <c r="H129" s="116" t="s">
        <v>12</v>
      </c>
      <c r="I129" s="116" t="s">
        <v>253</v>
      </c>
      <c r="J129" s="116" t="s">
        <v>11</v>
      </c>
      <c r="K129" s="223" t="s">
        <v>68</v>
      </c>
      <c r="L129" s="227" t="s">
        <v>68</v>
      </c>
      <c r="M129" s="116" t="s">
        <v>12</v>
      </c>
      <c r="N129" s="118" t="s">
        <v>619</v>
      </c>
      <c r="O129" s="118" t="s">
        <v>622</v>
      </c>
      <c r="P129" s="116" t="s">
        <v>623</v>
      </c>
      <c r="Q129" s="153">
        <v>456</v>
      </c>
      <c r="R129" s="218" t="s">
        <v>1952</v>
      </c>
      <c r="S129" s="218" t="s">
        <v>1954</v>
      </c>
    </row>
    <row r="130" spans="1:19" s="224" customFormat="1" ht="50.15" customHeight="1">
      <c r="A130" s="115" t="s">
        <v>318</v>
      </c>
      <c r="B130" s="221" t="s">
        <v>322</v>
      </c>
      <c r="C130" s="152"/>
      <c r="D130" s="116" t="s">
        <v>18</v>
      </c>
      <c r="E130" s="115" t="s">
        <v>9</v>
      </c>
      <c r="F130" s="118" t="s">
        <v>48</v>
      </c>
      <c r="G130" s="116" t="s">
        <v>12</v>
      </c>
      <c r="H130" s="116" t="s">
        <v>12</v>
      </c>
      <c r="I130" s="116" t="s">
        <v>253</v>
      </c>
      <c r="J130" s="116" t="s">
        <v>304</v>
      </c>
      <c r="K130" s="116" t="s">
        <v>11</v>
      </c>
      <c r="L130" s="116" t="s">
        <v>11</v>
      </c>
      <c r="M130" s="116" t="s">
        <v>12</v>
      </c>
      <c r="N130" s="118" t="s">
        <v>624</v>
      </c>
      <c r="O130" s="118" t="s">
        <v>625</v>
      </c>
      <c r="P130" s="116" t="s">
        <v>626</v>
      </c>
      <c r="Q130" s="153">
        <v>399</v>
      </c>
      <c r="R130" s="228" t="s">
        <v>1952</v>
      </c>
      <c r="S130" s="228" t="s">
        <v>1954</v>
      </c>
    </row>
    <row r="131" spans="1:19" s="224" customFormat="1" ht="50.15" customHeight="1">
      <c r="A131" s="115" t="s">
        <v>303</v>
      </c>
      <c r="B131" s="221" t="s">
        <v>323</v>
      </c>
      <c r="C131" s="155"/>
      <c r="D131" s="116" t="s">
        <v>20</v>
      </c>
      <c r="E131" s="115" t="s">
        <v>9</v>
      </c>
      <c r="F131" s="118" t="s">
        <v>48</v>
      </c>
      <c r="G131" s="116" t="s">
        <v>12</v>
      </c>
      <c r="H131" s="116" t="s">
        <v>12</v>
      </c>
      <c r="I131" s="116" t="s">
        <v>253</v>
      </c>
      <c r="J131" s="116" t="s">
        <v>304</v>
      </c>
      <c r="K131" s="116" t="s">
        <v>11</v>
      </c>
      <c r="L131" s="116" t="s">
        <v>11</v>
      </c>
      <c r="M131" s="116" t="s">
        <v>12</v>
      </c>
      <c r="N131" s="118" t="s">
        <v>624</v>
      </c>
      <c r="O131" s="118" t="s">
        <v>627</v>
      </c>
      <c r="P131" s="116" t="s">
        <v>628</v>
      </c>
      <c r="Q131" s="153">
        <v>456</v>
      </c>
      <c r="R131" s="228" t="s">
        <v>1952</v>
      </c>
      <c r="S131" s="228" t="s">
        <v>1954</v>
      </c>
    </row>
    <row r="132" spans="1:19" s="224" customFormat="1" ht="50.15" customHeight="1">
      <c r="A132" s="115" t="s">
        <v>318</v>
      </c>
      <c r="B132" s="221" t="s">
        <v>324</v>
      </c>
      <c r="C132" s="216"/>
      <c r="D132" s="116" t="s">
        <v>20</v>
      </c>
      <c r="E132" s="115" t="s">
        <v>9</v>
      </c>
      <c r="F132" s="118" t="s">
        <v>325</v>
      </c>
      <c r="G132" s="116" t="s">
        <v>12</v>
      </c>
      <c r="H132" s="116" t="s">
        <v>12</v>
      </c>
      <c r="I132" s="116" t="s">
        <v>253</v>
      </c>
      <c r="J132" s="116" t="s">
        <v>11</v>
      </c>
      <c r="K132" s="227" t="s">
        <v>68</v>
      </c>
      <c r="L132" s="227" t="s">
        <v>68</v>
      </c>
      <c r="M132" s="116" t="s">
        <v>11</v>
      </c>
      <c r="N132" s="118" t="s">
        <v>158</v>
      </c>
      <c r="O132" s="118" t="s">
        <v>629</v>
      </c>
      <c r="P132" s="116" t="s">
        <v>630</v>
      </c>
      <c r="Q132" s="153">
        <v>456</v>
      </c>
      <c r="R132" s="228" t="s">
        <v>1952</v>
      </c>
      <c r="S132" s="228" t="s">
        <v>1954</v>
      </c>
    </row>
    <row r="133" spans="1:19" s="224" customFormat="1" ht="50.15" customHeight="1">
      <c r="A133" s="115" t="s">
        <v>229</v>
      </c>
      <c r="B133" s="221" t="s">
        <v>326</v>
      </c>
      <c r="C133" s="226"/>
      <c r="D133" s="116" t="s">
        <v>18</v>
      </c>
      <c r="E133" s="115" t="s">
        <v>9</v>
      </c>
      <c r="F133" s="118" t="s">
        <v>48</v>
      </c>
      <c r="G133" s="116" t="s">
        <v>12</v>
      </c>
      <c r="H133" s="116" t="s">
        <v>12</v>
      </c>
      <c r="I133" s="116" t="s">
        <v>578</v>
      </c>
      <c r="J133" s="116" t="s">
        <v>11</v>
      </c>
      <c r="K133" s="227" t="s">
        <v>68</v>
      </c>
      <c r="L133" s="227" t="s">
        <v>68</v>
      </c>
      <c r="M133" s="116" t="s">
        <v>12</v>
      </c>
      <c r="N133" s="118" t="s">
        <v>636</v>
      </c>
      <c r="O133" s="118" t="s">
        <v>631</v>
      </c>
      <c r="P133" s="116" t="s">
        <v>632</v>
      </c>
      <c r="Q133" s="153">
        <v>399</v>
      </c>
      <c r="R133" s="228" t="s">
        <v>1952</v>
      </c>
      <c r="S133" s="228" t="s">
        <v>1954</v>
      </c>
    </row>
    <row r="134" spans="1:19" s="233" customFormat="1" ht="50.15" customHeight="1">
      <c r="A134" s="42" t="s">
        <v>455</v>
      </c>
      <c r="B134" s="229" t="s">
        <v>638</v>
      </c>
      <c r="C134" s="230"/>
      <c r="D134" s="52" t="s">
        <v>407</v>
      </c>
      <c r="E134" s="42" t="s">
        <v>9</v>
      </c>
      <c r="F134" s="52" t="s">
        <v>388</v>
      </c>
      <c r="G134" s="52" t="s">
        <v>12</v>
      </c>
      <c r="H134" s="52" t="s">
        <v>12</v>
      </c>
      <c r="I134" s="52" t="s">
        <v>12</v>
      </c>
      <c r="J134" s="52" t="s">
        <v>12</v>
      </c>
      <c r="K134" s="52" t="s">
        <v>11</v>
      </c>
      <c r="L134" s="52" t="s">
        <v>11</v>
      </c>
      <c r="M134" s="52" t="s">
        <v>12</v>
      </c>
      <c r="N134" s="231" t="s">
        <v>456</v>
      </c>
      <c r="O134" s="230" t="s">
        <v>633</v>
      </c>
      <c r="P134" s="232" t="s">
        <v>634</v>
      </c>
      <c r="Q134" s="114">
        <v>273</v>
      </c>
      <c r="R134" s="233" t="s">
        <v>1952</v>
      </c>
    </row>
    <row r="135" spans="1:19" s="233" customFormat="1" ht="50.15" customHeight="1">
      <c r="A135" s="42" t="s">
        <v>455</v>
      </c>
      <c r="B135" s="229" t="s">
        <v>639</v>
      </c>
      <c r="C135" s="234"/>
      <c r="D135" s="52" t="s">
        <v>407</v>
      </c>
      <c r="E135" s="42" t="s">
        <v>9</v>
      </c>
      <c r="F135" s="52" t="s">
        <v>10</v>
      </c>
      <c r="G135" s="52" t="s">
        <v>12</v>
      </c>
      <c r="H135" s="52" t="s">
        <v>12</v>
      </c>
      <c r="I135" s="52" t="s">
        <v>12</v>
      </c>
      <c r="J135" s="52" t="s">
        <v>12</v>
      </c>
      <c r="K135" s="52" t="s">
        <v>11</v>
      </c>
      <c r="L135" s="52" t="s">
        <v>11</v>
      </c>
      <c r="M135" s="52" t="s">
        <v>12</v>
      </c>
      <c r="N135" s="231" t="s">
        <v>456</v>
      </c>
      <c r="O135" s="234"/>
      <c r="P135" s="232" t="s">
        <v>635</v>
      </c>
      <c r="Q135" s="114">
        <v>273</v>
      </c>
      <c r="R135" s="233" t="s">
        <v>1952</v>
      </c>
    </row>
    <row r="136" spans="1:19" s="233" customFormat="1" ht="50.15" customHeight="1">
      <c r="A136" s="42" t="s">
        <v>637</v>
      </c>
      <c r="B136" s="53" t="s">
        <v>488</v>
      </c>
      <c r="C136" s="231"/>
      <c r="D136" s="95" t="s">
        <v>407</v>
      </c>
      <c r="E136" s="235" t="s">
        <v>9</v>
      </c>
      <c r="F136" s="170" t="s">
        <v>14</v>
      </c>
      <c r="G136" s="170" t="s">
        <v>12</v>
      </c>
      <c r="H136" s="170" t="s">
        <v>12</v>
      </c>
      <c r="I136" s="170" t="s">
        <v>12</v>
      </c>
      <c r="J136" s="170" t="s">
        <v>12</v>
      </c>
      <c r="K136" s="170" t="s">
        <v>12</v>
      </c>
      <c r="L136" s="170" t="s">
        <v>11</v>
      </c>
      <c r="M136" s="170" t="s">
        <v>11</v>
      </c>
      <c r="N136" s="170" t="s">
        <v>462</v>
      </c>
      <c r="O136" s="170" t="s">
        <v>640</v>
      </c>
      <c r="P136" s="236" t="s">
        <v>641</v>
      </c>
      <c r="Q136" s="114">
        <v>273</v>
      </c>
      <c r="R136" s="233" t="s">
        <v>1952</v>
      </c>
    </row>
    <row r="137" spans="1:19" s="233" customFormat="1" ht="50.15" customHeight="1">
      <c r="A137" s="42" t="s">
        <v>1173</v>
      </c>
      <c r="B137" s="229" t="s">
        <v>1303</v>
      </c>
      <c r="C137" s="230"/>
      <c r="D137" s="52" t="s">
        <v>1209</v>
      </c>
      <c r="E137" s="42" t="s">
        <v>9</v>
      </c>
      <c r="F137" s="52" t="s">
        <v>1291</v>
      </c>
      <c r="G137" s="52" t="s">
        <v>12</v>
      </c>
      <c r="H137" s="52" t="s">
        <v>12</v>
      </c>
      <c r="I137" s="52" t="s">
        <v>12</v>
      </c>
      <c r="J137" s="52" t="s">
        <v>11</v>
      </c>
      <c r="K137" s="173" t="s">
        <v>1187</v>
      </c>
      <c r="L137" s="173" t="s">
        <v>68</v>
      </c>
      <c r="M137" s="52" t="s">
        <v>12</v>
      </c>
      <c r="N137" s="231" t="s">
        <v>1304</v>
      </c>
      <c r="O137" s="230" t="s">
        <v>1305</v>
      </c>
      <c r="P137" s="52" t="s">
        <v>1306</v>
      </c>
      <c r="Q137" s="114">
        <v>273</v>
      </c>
      <c r="R137" s="233" t="s">
        <v>1952</v>
      </c>
    </row>
    <row r="138" spans="1:19" s="233" customFormat="1" ht="50.15" customHeight="1">
      <c r="A138" s="42" t="s">
        <v>1173</v>
      </c>
      <c r="B138" s="229" t="s">
        <v>1307</v>
      </c>
      <c r="C138" s="234"/>
      <c r="D138" s="52" t="s">
        <v>1209</v>
      </c>
      <c r="E138" s="42" t="s">
        <v>9</v>
      </c>
      <c r="F138" s="52" t="s">
        <v>10</v>
      </c>
      <c r="G138" s="52" t="s">
        <v>12</v>
      </c>
      <c r="H138" s="52" t="s">
        <v>12</v>
      </c>
      <c r="I138" s="52" t="s">
        <v>12</v>
      </c>
      <c r="J138" s="52" t="s">
        <v>11</v>
      </c>
      <c r="K138" s="173" t="s">
        <v>1187</v>
      </c>
      <c r="L138" s="173" t="s">
        <v>68</v>
      </c>
      <c r="M138" s="52" t="s">
        <v>12</v>
      </c>
      <c r="N138" s="231" t="s">
        <v>1304</v>
      </c>
      <c r="O138" s="234"/>
      <c r="P138" s="52" t="s">
        <v>1308</v>
      </c>
      <c r="Q138" s="114">
        <v>273</v>
      </c>
      <c r="R138" s="233" t="s">
        <v>1953</v>
      </c>
    </row>
    <row r="139" spans="1:19" s="233" customFormat="1" ht="50.15" customHeight="1">
      <c r="A139" s="42" t="s">
        <v>1173</v>
      </c>
      <c r="B139" s="229" t="s">
        <v>1309</v>
      </c>
      <c r="C139" s="230"/>
      <c r="D139" s="52" t="s">
        <v>1209</v>
      </c>
      <c r="E139" s="42" t="s">
        <v>9</v>
      </c>
      <c r="F139" s="52" t="s">
        <v>1291</v>
      </c>
      <c r="G139" s="52" t="s">
        <v>12</v>
      </c>
      <c r="H139" s="52" t="s">
        <v>12</v>
      </c>
      <c r="I139" s="52" t="s">
        <v>12</v>
      </c>
      <c r="J139" s="52" t="s">
        <v>12</v>
      </c>
      <c r="K139" s="52" t="s">
        <v>11</v>
      </c>
      <c r="L139" s="52" t="s">
        <v>11</v>
      </c>
      <c r="M139" s="52" t="s">
        <v>11</v>
      </c>
      <c r="N139" s="231" t="s">
        <v>1310</v>
      </c>
      <c r="O139" s="230" t="s">
        <v>1311</v>
      </c>
      <c r="P139" s="52" t="s">
        <v>1312</v>
      </c>
      <c r="Q139" s="114">
        <v>273</v>
      </c>
      <c r="R139" s="233" t="s">
        <v>1952</v>
      </c>
    </row>
    <row r="140" spans="1:19" s="233" customFormat="1" ht="50.15" customHeight="1">
      <c r="A140" s="42" t="s">
        <v>1173</v>
      </c>
      <c r="B140" s="229" t="s">
        <v>1313</v>
      </c>
      <c r="C140" s="234"/>
      <c r="D140" s="52" t="s">
        <v>1209</v>
      </c>
      <c r="E140" s="42" t="s">
        <v>9</v>
      </c>
      <c r="F140" s="52" t="s">
        <v>10</v>
      </c>
      <c r="G140" s="52" t="s">
        <v>12</v>
      </c>
      <c r="H140" s="52" t="s">
        <v>12</v>
      </c>
      <c r="I140" s="52" t="s">
        <v>12</v>
      </c>
      <c r="J140" s="52" t="s">
        <v>12</v>
      </c>
      <c r="K140" s="52" t="s">
        <v>11</v>
      </c>
      <c r="L140" s="52" t="s">
        <v>11</v>
      </c>
      <c r="M140" s="52" t="s">
        <v>11</v>
      </c>
      <c r="N140" s="231" t="s">
        <v>1310</v>
      </c>
      <c r="O140" s="234"/>
      <c r="P140" s="52" t="s">
        <v>1314</v>
      </c>
      <c r="Q140" s="114">
        <v>273</v>
      </c>
      <c r="R140" s="233" t="s">
        <v>1953</v>
      </c>
    </row>
    <row r="141" spans="1:19" s="233" customFormat="1" ht="50.15" customHeight="1">
      <c r="A141" s="42" t="s">
        <v>1173</v>
      </c>
      <c r="B141" s="52" t="s">
        <v>1315</v>
      </c>
      <c r="C141" s="52"/>
      <c r="D141" s="52" t="s">
        <v>1949</v>
      </c>
      <c r="E141" s="42" t="s">
        <v>9</v>
      </c>
      <c r="F141" s="231" t="s">
        <v>1316</v>
      </c>
      <c r="G141" s="52" t="s">
        <v>12</v>
      </c>
      <c r="H141" s="52" t="s">
        <v>12</v>
      </c>
      <c r="I141" s="52" t="s">
        <v>12</v>
      </c>
      <c r="J141" s="52" t="s">
        <v>11</v>
      </c>
      <c r="K141" s="173" t="s">
        <v>1187</v>
      </c>
      <c r="L141" s="173" t="s">
        <v>68</v>
      </c>
      <c r="M141" s="52" t="s">
        <v>11</v>
      </c>
      <c r="N141" s="231" t="s">
        <v>1304</v>
      </c>
      <c r="O141" s="52" t="s">
        <v>1317</v>
      </c>
      <c r="P141" s="232" t="s">
        <v>1318</v>
      </c>
      <c r="Q141" s="114">
        <v>445</v>
      </c>
      <c r="R141" s="233" t="s">
        <v>1952</v>
      </c>
    </row>
    <row r="142" spans="1:19" s="233" customFormat="1" ht="50.15" customHeight="1">
      <c r="A142" s="42" t="s">
        <v>637</v>
      </c>
      <c r="B142" s="53" t="s">
        <v>1661</v>
      </c>
      <c r="C142" s="52"/>
      <c r="D142" s="52" t="s">
        <v>1950</v>
      </c>
      <c r="E142" s="52" t="s">
        <v>387</v>
      </c>
      <c r="F142" s="237" t="s">
        <v>1662</v>
      </c>
      <c r="G142" s="237" t="s">
        <v>12</v>
      </c>
      <c r="H142" s="237" t="s">
        <v>12</v>
      </c>
      <c r="I142" s="237" t="s">
        <v>12</v>
      </c>
      <c r="J142" s="237" t="s">
        <v>11</v>
      </c>
      <c r="K142" s="237" t="s">
        <v>68</v>
      </c>
      <c r="L142" s="237" t="s">
        <v>68</v>
      </c>
      <c r="M142" s="237" t="s">
        <v>11</v>
      </c>
      <c r="N142" s="237" t="s">
        <v>1663</v>
      </c>
      <c r="O142" s="237" t="s">
        <v>1664</v>
      </c>
      <c r="P142" s="237" t="s">
        <v>1665</v>
      </c>
      <c r="Q142" s="114">
        <v>559</v>
      </c>
      <c r="R142" s="233" t="s">
        <v>1953</v>
      </c>
    </row>
    <row r="143" spans="1:19" s="233" customFormat="1" ht="50.15" customHeight="1">
      <c r="A143" s="42" t="s">
        <v>637</v>
      </c>
      <c r="B143" s="53" t="s">
        <v>1654</v>
      </c>
      <c r="C143" s="52"/>
      <c r="D143" s="52" t="s">
        <v>407</v>
      </c>
      <c r="E143" s="52" t="s">
        <v>1951</v>
      </c>
      <c r="F143" s="237" t="s">
        <v>1662</v>
      </c>
      <c r="G143" s="237" t="s">
        <v>12</v>
      </c>
      <c r="H143" s="237" t="s">
        <v>12</v>
      </c>
      <c r="I143" s="237" t="s">
        <v>12</v>
      </c>
      <c r="J143" s="237" t="s">
        <v>12</v>
      </c>
      <c r="K143" s="237" t="s">
        <v>68</v>
      </c>
      <c r="L143" s="237" t="s">
        <v>68</v>
      </c>
      <c r="M143" s="237" t="s">
        <v>12</v>
      </c>
      <c r="N143" s="237" t="s">
        <v>1663</v>
      </c>
      <c r="O143" s="237" t="s">
        <v>1664</v>
      </c>
      <c r="P143" s="237" t="s">
        <v>1666</v>
      </c>
      <c r="Q143" s="114">
        <v>559</v>
      </c>
      <c r="R143" s="233" t="s">
        <v>1953</v>
      </c>
    </row>
    <row r="144" spans="1:19" s="233" customFormat="1" ht="50.15" customHeight="1">
      <c r="A144" s="42" t="s">
        <v>1173</v>
      </c>
      <c r="B144" s="229" t="s">
        <v>1319</v>
      </c>
      <c r="C144" s="52"/>
      <c r="D144" s="52" t="s">
        <v>1209</v>
      </c>
      <c r="E144" s="42" t="s">
        <v>9</v>
      </c>
      <c r="F144" s="231" t="s">
        <v>1316</v>
      </c>
      <c r="G144" s="52" t="s">
        <v>12</v>
      </c>
      <c r="H144" s="52" t="s">
        <v>12</v>
      </c>
      <c r="I144" s="52" t="s">
        <v>12</v>
      </c>
      <c r="J144" s="52" t="s">
        <v>12</v>
      </c>
      <c r="K144" s="173" t="s">
        <v>1187</v>
      </c>
      <c r="L144" s="173" t="s">
        <v>68</v>
      </c>
      <c r="M144" s="52" t="s">
        <v>12</v>
      </c>
      <c r="N144" s="231" t="s">
        <v>1304</v>
      </c>
      <c r="O144" s="52" t="s">
        <v>1320</v>
      </c>
      <c r="P144" s="232" t="s">
        <v>1321</v>
      </c>
      <c r="Q144" s="114">
        <v>445</v>
      </c>
      <c r="R144" s="233" t="s">
        <v>1953</v>
      </c>
    </row>
    <row r="145" spans="1:18" s="233" customFormat="1" ht="50.15" customHeight="1">
      <c r="A145" s="42" t="s">
        <v>1173</v>
      </c>
      <c r="B145" s="229" t="s">
        <v>1322</v>
      </c>
      <c r="C145" s="52"/>
      <c r="D145" s="52" t="s">
        <v>1209</v>
      </c>
      <c r="E145" s="42" t="s">
        <v>9</v>
      </c>
      <c r="F145" s="231" t="s">
        <v>1316</v>
      </c>
      <c r="G145" s="52" t="s">
        <v>12</v>
      </c>
      <c r="H145" s="52" t="s">
        <v>12</v>
      </c>
      <c r="I145" s="52" t="s">
        <v>12</v>
      </c>
      <c r="J145" s="52" t="s">
        <v>12</v>
      </c>
      <c r="K145" s="52" t="s">
        <v>11</v>
      </c>
      <c r="L145" s="52" t="s">
        <v>11</v>
      </c>
      <c r="M145" s="52" t="s">
        <v>12</v>
      </c>
      <c r="N145" s="231" t="s">
        <v>1304</v>
      </c>
      <c r="O145" s="52" t="s">
        <v>1320</v>
      </c>
      <c r="P145" s="232" t="s">
        <v>1323</v>
      </c>
      <c r="Q145" s="114">
        <v>445</v>
      </c>
      <c r="R145" s="233" t="s">
        <v>1952</v>
      </c>
    </row>
    <row r="146" spans="1:18" s="233" customFormat="1" ht="50.15" customHeight="1">
      <c r="A146" s="212" t="s">
        <v>637</v>
      </c>
      <c r="B146" s="53" t="s">
        <v>643</v>
      </c>
      <c r="C146" s="238"/>
      <c r="D146" s="95" t="s">
        <v>642</v>
      </c>
      <c r="E146" s="235" t="s">
        <v>9</v>
      </c>
      <c r="F146" s="170" t="s">
        <v>14</v>
      </c>
      <c r="G146" s="170" t="s">
        <v>12</v>
      </c>
      <c r="H146" s="170" t="s">
        <v>12</v>
      </c>
      <c r="I146" s="170" t="s">
        <v>12</v>
      </c>
      <c r="J146" s="170" t="s">
        <v>12</v>
      </c>
      <c r="K146" s="170" t="s">
        <v>12</v>
      </c>
      <c r="L146" s="170" t="s">
        <v>11</v>
      </c>
      <c r="M146" s="170" t="s">
        <v>11</v>
      </c>
      <c r="N146" s="170" t="s">
        <v>644</v>
      </c>
      <c r="O146" s="170" t="s">
        <v>645</v>
      </c>
      <c r="P146" s="239" t="s">
        <v>646</v>
      </c>
      <c r="Q146" s="114">
        <v>342</v>
      </c>
      <c r="R146" s="233" t="s">
        <v>1952</v>
      </c>
    </row>
    <row r="147" spans="1:18" s="233" customFormat="1" ht="50.15" customHeight="1">
      <c r="A147" s="42" t="s">
        <v>637</v>
      </c>
      <c r="B147" s="53" t="s">
        <v>487</v>
      </c>
      <c r="C147" s="234"/>
      <c r="D147" s="95" t="s">
        <v>642</v>
      </c>
      <c r="E147" s="235" t="s">
        <v>9</v>
      </c>
      <c r="F147" s="170" t="s">
        <v>14</v>
      </c>
      <c r="G147" s="170" t="s">
        <v>12</v>
      </c>
      <c r="H147" s="170" t="s">
        <v>12</v>
      </c>
      <c r="I147" s="170" t="s">
        <v>12</v>
      </c>
      <c r="J147" s="170" t="s">
        <v>12</v>
      </c>
      <c r="K147" s="170" t="s">
        <v>12</v>
      </c>
      <c r="L147" s="170" t="s">
        <v>11</v>
      </c>
      <c r="M147" s="170" t="s">
        <v>11</v>
      </c>
      <c r="N147" s="170" t="s">
        <v>644</v>
      </c>
      <c r="O147" s="170" t="s">
        <v>647</v>
      </c>
      <c r="P147" s="239" t="s">
        <v>648</v>
      </c>
      <c r="Q147" s="114">
        <v>388</v>
      </c>
      <c r="R147" s="233" t="s">
        <v>1953</v>
      </c>
    </row>
    <row r="148" spans="1:18" s="233" customFormat="1" ht="50.15" customHeight="1">
      <c r="A148" s="42" t="s">
        <v>1173</v>
      </c>
      <c r="B148" s="229" t="s">
        <v>1324</v>
      </c>
      <c r="C148" s="230"/>
      <c r="D148" s="52" t="s">
        <v>1175</v>
      </c>
      <c r="E148" s="42" t="s">
        <v>9</v>
      </c>
      <c r="F148" s="52" t="s">
        <v>1291</v>
      </c>
      <c r="G148" s="52" t="s">
        <v>12</v>
      </c>
      <c r="H148" s="52" t="s">
        <v>12</v>
      </c>
      <c r="I148" s="52" t="s">
        <v>12</v>
      </c>
      <c r="J148" s="52" t="s">
        <v>12</v>
      </c>
      <c r="K148" s="52" t="s">
        <v>1160</v>
      </c>
      <c r="L148" s="52" t="s">
        <v>1160</v>
      </c>
      <c r="M148" s="52" t="s">
        <v>12</v>
      </c>
      <c r="N148" s="231" t="s">
        <v>1325</v>
      </c>
      <c r="O148" s="230" t="s">
        <v>1326</v>
      </c>
      <c r="P148" s="52" t="s">
        <v>1327</v>
      </c>
      <c r="Q148" s="114">
        <v>342</v>
      </c>
      <c r="R148" s="233" t="s">
        <v>1952</v>
      </c>
    </row>
    <row r="149" spans="1:18" s="233" customFormat="1" ht="50.15" customHeight="1">
      <c r="A149" s="42" t="s">
        <v>1173</v>
      </c>
      <c r="B149" s="52" t="s">
        <v>1328</v>
      </c>
      <c r="C149" s="234"/>
      <c r="D149" s="52" t="s">
        <v>1175</v>
      </c>
      <c r="E149" s="42" t="s">
        <v>9</v>
      </c>
      <c r="F149" s="52" t="s">
        <v>10</v>
      </c>
      <c r="G149" s="52" t="s">
        <v>12</v>
      </c>
      <c r="H149" s="52" t="s">
        <v>1177</v>
      </c>
      <c r="I149" s="52" t="s">
        <v>12</v>
      </c>
      <c r="J149" s="52" t="s">
        <v>12</v>
      </c>
      <c r="K149" s="52" t="s">
        <v>1160</v>
      </c>
      <c r="L149" s="52" t="s">
        <v>1160</v>
      </c>
      <c r="M149" s="52" t="s">
        <v>12</v>
      </c>
      <c r="N149" s="231" t="s">
        <v>1325</v>
      </c>
      <c r="O149" s="234"/>
      <c r="P149" s="52" t="s">
        <v>1329</v>
      </c>
      <c r="Q149" s="114">
        <v>342</v>
      </c>
      <c r="R149" s="233" t="s">
        <v>1952</v>
      </c>
    </row>
    <row r="150" spans="1:18" s="233" customFormat="1" ht="50.15" customHeight="1">
      <c r="A150" s="42" t="s">
        <v>1173</v>
      </c>
      <c r="B150" s="52" t="s">
        <v>1330</v>
      </c>
      <c r="C150" s="230"/>
      <c r="D150" s="52" t="s">
        <v>1175</v>
      </c>
      <c r="E150" s="42" t="s">
        <v>9</v>
      </c>
      <c r="F150" s="52" t="s">
        <v>1291</v>
      </c>
      <c r="G150" s="52" t="s">
        <v>12</v>
      </c>
      <c r="H150" s="52" t="s">
        <v>12</v>
      </c>
      <c r="I150" s="52" t="s">
        <v>12</v>
      </c>
      <c r="J150" s="52" t="s">
        <v>1160</v>
      </c>
      <c r="K150" s="173" t="s">
        <v>1187</v>
      </c>
      <c r="L150" s="173" t="s">
        <v>68</v>
      </c>
      <c r="M150" s="52" t="s">
        <v>12</v>
      </c>
      <c r="N150" s="231" t="s">
        <v>1304</v>
      </c>
      <c r="O150" s="230" t="s">
        <v>1331</v>
      </c>
      <c r="P150" s="232" t="s">
        <v>1332</v>
      </c>
      <c r="Q150" s="114">
        <v>342</v>
      </c>
      <c r="R150" s="233" t="s">
        <v>1952</v>
      </c>
    </row>
    <row r="151" spans="1:18" s="233" customFormat="1" ht="50.15" customHeight="1">
      <c r="A151" s="42" t="s">
        <v>1173</v>
      </c>
      <c r="B151" s="229" t="s">
        <v>1333</v>
      </c>
      <c r="C151" s="234"/>
      <c r="D151" s="52" t="s">
        <v>1175</v>
      </c>
      <c r="E151" s="42" t="s">
        <v>9</v>
      </c>
      <c r="F151" s="52" t="s">
        <v>10</v>
      </c>
      <c r="G151" s="52" t="s">
        <v>12</v>
      </c>
      <c r="H151" s="52" t="s">
        <v>12</v>
      </c>
      <c r="I151" s="52" t="s">
        <v>12</v>
      </c>
      <c r="J151" s="52" t="s">
        <v>1160</v>
      </c>
      <c r="K151" s="173" t="s">
        <v>1187</v>
      </c>
      <c r="L151" s="173" t="s">
        <v>68</v>
      </c>
      <c r="M151" s="52" t="s">
        <v>12</v>
      </c>
      <c r="N151" s="231" t="s">
        <v>1304</v>
      </c>
      <c r="O151" s="234"/>
      <c r="P151" s="232" t="s">
        <v>1334</v>
      </c>
      <c r="Q151" s="114">
        <v>342</v>
      </c>
      <c r="R151" s="233" t="s">
        <v>1952</v>
      </c>
    </row>
    <row r="152" spans="1:18" s="233" customFormat="1" ht="50.15" customHeight="1">
      <c r="A152" s="42" t="s">
        <v>1173</v>
      </c>
      <c r="B152" s="229" t="s">
        <v>1335</v>
      </c>
      <c r="C152" s="230"/>
      <c r="D152" s="52" t="s">
        <v>1175</v>
      </c>
      <c r="E152" s="42" t="s">
        <v>9</v>
      </c>
      <c r="F152" s="52" t="s">
        <v>1291</v>
      </c>
      <c r="G152" s="52" t="s">
        <v>12</v>
      </c>
      <c r="H152" s="52" t="s">
        <v>12</v>
      </c>
      <c r="I152" s="52" t="s">
        <v>12</v>
      </c>
      <c r="J152" s="52" t="s">
        <v>12</v>
      </c>
      <c r="K152" s="52" t="s">
        <v>1160</v>
      </c>
      <c r="L152" s="52" t="s">
        <v>1160</v>
      </c>
      <c r="M152" s="52" t="s">
        <v>1160</v>
      </c>
      <c r="N152" s="231" t="s">
        <v>1325</v>
      </c>
      <c r="O152" s="230" t="s">
        <v>1331</v>
      </c>
      <c r="P152" s="232" t="s">
        <v>1336</v>
      </c>
      <c r="Q152" s="114">
        <v>342</v>
      </c>
      <c r="R152" s="233" t="s">
        <v>1952</v>
      </c>
    </row>
    <row r="153" spans="1:18" s="233" customFormat="1" ht="50.15" customHeight="1">
      <c r="A153" s="42" t="s">
        <v>1173</v>
      </c>
      <c r="B153" s="229" t="s">
        <v>1337</v>
      </c>
      <c r="C153" s="234"/>
      <c r="D153" s="52" t="s">
        <v>1175</v>
      </c>
      <c r="E153" s="42" t="s">
        <v>9</v>
      </c>
      <c r="F153" s="52" t="s">
        <v>10</v>
      </c>
      <c r="G153" s="52" t="s">
        <v>12</v>
      </c>
      <c r="H153" s="52" t="s">
        <v>12</v>
      </c>
      <c r="I153" s="52" t="s">
        <v>12</v>
      </c>
      <c r="J153" s="52" t="s">
        <v>12</v>
      </c>
      <c r="K153" s="52" t="s">
        <v>1160</v>
      </c>
      <c r="L153" s="52" t="s">
        <v>1160</v>
      </c>
      <c r="M153" s="52" t="s">
        <v>1160</v>
      </c>
      <c r="N153" s="231" t="s">
        <v>1325</v>
      </c>
      <c r="O153" s="234"/>
      <c r="P153" s="232" t="s">
        <v>1338</v>
      </c>
      <c r="Q153" s="114">
        <v>342</v>
      </c>
      <c r="R153" s="233" t="s">
        <v>1952</v>
      </c>
    </row>
    <row r="154" spans="1:18" s="233" customFormat="1" ht="50.15" customHeight="1">
      <c r="A154" s="42" t="s">
        <v>1173</v>
      </c>
      <c r="B154" s="229" t="s">
        <v>1339</v>
      </c>
      <c r="C154" s="52"/>
      <c r="D154" s="52" t="s">
        <v>1175</v>
      </c>
      <c r="E154" s="42" t="s">
        <v>9</v>
      </c>
      <c r="F154" s="231" t="s">
        <v>1316</v>
      </c>
      <c r="G154" s="52" t="s">
        <v>12</v>
      </c>
      <c r="H154" s="52" t="s">
        <v>12</v>
      </c>
      <c r="I154" s="52" t="s">
        <v>12</v>
      </c>
      <c r="J154" s="52" t="s">
        <v>11</v>
      </c>
      <c r="K154" s="173" t="s">
        <v>68</v>
      </c>
      <c r="L154" s="173" t="s">
        <v>68</v>
      </c>
      <c r="M154" s="52" t="s">
        <v>11</v>
      </c>
      <c r="N154" s="231" t="s">
        <v>1304</v>
      </c>
      <c r="O154" s="52" t="s">
        <v>1340</v>
      </c>
      <c r="P154" s="232" t="s">
        <v>1341</v>
      </c>
      <c r="Q154" s="114">
        <v>548</v>
      </c>
      <c r="R154" s="233" t="s">
        <v>1952</v>
      </c>
    </row>
    <row r="155" spans="1:18" s="233" customFormat="1" ht="50.15" customHeight="1">
      <c r="A155" s="42" t="s">
        <v>1173</v>
      </c>
      <c r="B155" s="229" t="s">
        <v>1342</v>
      </c>
      <c r="C155" s="52"/>
      <c r="D155" s="52" t="s">
        <v>1175</v>
      </c>
      <c r="E155" s="42" t="s">
        <v>9</v>
      </c>
      <c r="F155" s="231" t="s">
        <v>1316</v>
      </c>
      <c r="G155" s="52" t="s">
        <v>12</v>
      </c>
      <c r="H155" s="52" t="s">
        <v>12</v>
      </c>
      <c r="I155" s="52" t="s">
        <v>12</v>
      </c>
      <c r="J155" s="52" t="s">
        <v>12</v>
      </c>
      <c r="K155" s="173" t="s">
        <v>68</v>
      </c>
      <c r="L155" s="173" t="s">
        <v>68</v>
      </c>
      <c r="M155" s="52" t="s">
        <v>11</v>
      </c>
      <c r="N155" s="231" t="s">
        <v>1304</v>
      </c>
      <c r="O155" s="52" t="s">
        <v>1343</v>
      </c>
      <c r="P155" s="52" t="s">
        <v>1344</v>
      </c>
      <c r="Q155" s="114">
        <v>548</v>
      </c>
      <c r="R155" s="233" t="s">
        <v>1952</v>
      </c>
    </row>
    <row r="156" spans="1:18" s="233" customFormat="1" ht="50.15" customHeight="1">
      <c r="A156" s="42" t="s">
        <v>1173</v>
      </c>
      <c r="B156" s="229" t="s">
        <v>1345</v>
      </c>
      <c r="C156" s="52"/>
      <c r="D156" s="52" t="s">
        <v>1175</v>
      </c>
      <c r="E156" s="42" t="s">
        <v>9</v>
      </c>
      <c r="F156" s="231" t="s">
        <v>1316</v>
      </c>
      <c r="G156" s="52" t="s">
        <v>12</v>
      </c>
      <c r="H156" s="52" t="s">
        <v>12</v>
      </c>
      <c r="I156" s="52" t="s">
        <v>12</v>
      </c>
      <c r="J156" s="52" t="s">
        <v>12</v>
      </c>
      <c r="K156" s="52" t="s">
        <v>1160</v>
      </c>
      <c r="L156" s="52" t="s">
        <v>1160</v>
      </c>
      <c r="M156" s="52" t="s">
        <v>12</v>
      </c>
      <c r="N156" s="231" t="s">
        <v>1304</v>
      </c>
      <c r="O156" s="52" t="s">
        <v>1343</v>
      </c>
      <c r="P156" s="232" t="s">
        <v>1346</v>
      </c>
      <c r="Q156" s="114">
        <v>548</v>
      </c>
      <c r="R156" s="233" t="s">
        <v>1952</v>
      </c>
    </row>
    <row r="157" spans="1:18" s="233" customFormat="1" ht="50.15" customHeight="1">
      <c r="A157" s="42" t="s">
        <v>1173</v>
      </c>
      <c r="B157" s="229" t="s">
        <v>649</v>
      </c>
      <c r="C157" s="231"/>
      <c r="D157" s="95" t="s">
        <v>20</v>
      </c>
      <c r="E157" s="43" t="s">
        <v>9</v>
      </c>
      <c r="F157" s="170" t="s">
        <v>1159</v>
      </c>
      <c r="G157" s="95" t="s">
        <v>12</v>
      </c>
      <c r="H157" s="95" t="s">
        <v>12</v>
      </c>
      <c r="I157" s="95" t="s">
        <v>1160</v>
      </c>
      <c r="J157" s="95" t="s">
        <v>12</v>
      </c>
      <c r="K157" s="95" t="s">
        <v>68</v>
      </c>
      <c r="L157" s="95" t="s">
        <v>68</v>
      </c>
      <c r="M157" s="95" t="s">
        <v>12</v>
      </c>
      <c r="N157" s="170" t="s">
        <v>1161</v>
      </c>
      <c r="O157" s="95" t="s">
        <v>1162</v>
      </c>
      <c r="P157" s="240" t="s">
        <v>1163</v>
      </c>
      <c r="Q157" s="114">
        <v>720</v>
      </c>
      <c r="R157" s="233" t="s">
        <v>1952</v>
      </c>
    </row>
    <row r="158" spans="1:18" s="233" customFormat="1" ht="50.15" customHeight="1">
      <c r="A158" s="42" t="s">
        <v>1948</v>
      </c>
      <c r="B158" s="229" t="s">
        <v>652</v>
      </c>
      <c r="C158" s="230"/>
      <c r="D158" s="95" t="s">
        <v>18</v>
      </c>
      <c r="E158" s="43" t="s">
        <v>9</v>
      </c>
      <c r="F158" s="95" t="s">
        <v>14</v>
      </c>
      <c r="G158" s="95" t="s">
        <v>12</v>
      </c>
      <c r="H158" s="95" t="s">
        <v>12</v>
      </c>
      <c r="I158" s="95" t="s">
        <v>12</v>
      </c>
      <c r="J158" s="95" t="s">
        <v>929</v>
      </c>
      <c r="K158" s="95" t="s">
        <v>11</v>
      </c>
      <c r="L158" s="173" t="s">
        <v>11</v>
      </c>
      <c r="M158" s="95" t="s">
        <v>12</v>
      </c>
      <c r="N158" s="170" t="s">
        <v>1164</v>
      </c>
      <c r="O158" s="163" t="s">
        <v>1165</v>
      </c>
      <c r="P158" s="95" t="s">
        <v>1166</v>
      </c>
      <c r="Q158" s="114">
        <v>411</v>
      </c>
      <c r="R158" s="233" t="s">
        <v>1952</v>
      </c>
    </row>
    <row r="159" spans="1:18" s="233" customFormat="1" ht="50.15" customHeight="1">
      <c r="A159" s="42" t="s">
        <v>1948</v>
      </c>
      <c r="B159" s="229" t="s">
        <v>650</v>
      </c>
      <c r="C159" s="238"/>
      <c r="D159" s="95" t="s">
        <v>18</v>
      </c>
      <c r="E159" s="43" t="s">
        <v>9</v>
      </c>
      <c r="F159" s="95" t="s">
        <v>10</v>
      </c>
      <c r="G159" s="95" t="s">
        <v>12</v>
      </c>
      <c r="H159" s="95" t="s">
        <v>12</v>
      </c>
      <c r="I159" s="95" t="s">
        <v>12</v>
      </c>
      <c r="J159" s="95" t="s">
        <v>929</v>
      </c>
      <c r="K159" s="95" t="s">
        <v>11</v>
      </c>
      <c r="L159" s="173" t="s">
        <v>11</v>
      </c>
      <c r="M159" s="95" t="s">
        <v>12</v>
      </c>
      <c r="N159" s="170" t="s">
        <v>1167</v>
      </c>
      <c r="O159" s="164"/>
      <c r="P159" s="95" t="s">
        <v>1168</v>
      </c>
      <c r="Q159" s="114">
        <v>411</v>
      </c>
      <c r="R159" s="233" t="s">
        <v>1952</v>
      </c>
    </row>
    <row r="160" spans="1:18" s="233" customFormat="1" ht="50.15" customHeight="1">
      <c r="A160" s="42" t="s">
        <v>1948</v>
      </c>
      <c r="B160" s="229" t="s">
        <v>651</v>
      </c>
      <c r="C160" s="238"/>
      <c r="D160" s="95" t="s">
        <v>20</v>
      </c>
      <c r="E160" s="43" t="s">
        <v>9</v>
      </c>
      <c r="F160" s="170" t="s">
        <v>14</v>
      </c>
      <c r="G160" s="95" t="s">
        <v>12</v>
      </c>
      <c r="H160" s="95" t="s">
        <v>12</v>
      </c>
      <c r="I160" s="95" t="s">
        <v>12</v>
      </c>
      <c r="J160" s="95" t="s">
        <v>929</v>
      </c>
      <c r="K160" s="95" t="s">
        <v>11</v>
      </c>
      <c r="L160" s="173" t="s">
        <v>11</v>
      </c>
      <c r="M160" s="95" t="s">
        <v>12</v>
      </c>
      <c r="N160" s="170" t="s">
        <v>1167</v>
      </c>
      <c r="O160" s="163" t="s">
        <v>1169</v>
      </c>
      <c r="P160" s="213" t="s">
        <v>1170</v>
      </c>
      <c r="Q160" s="114">
        <v>434</v>
      </c>
      <c r="R160" s="233" t="s">
        <v>1952</v>
      </c>
    </row>
    <row r="161" spans="1:18" s="233" customFormat="1" ht="50.15" customHeight="1">
      <c r="A161" s="42" t="s">
        <v>1948</v>
      </c>
      <c r="B161" s="229" t="s">
        <v>1174</v>
      </c>
      <c r="C161" s="238"/>
      <c r="D161" s="95" t="s">
        <v>1110</v>
      </c>
      <c r="E161" s="43" t="s">
        <v>9</v>
      </c>
      <c r="F161" s="170" t="s">
        <v>10</v>
      </c>
      <c r="G161" s="95" t="s">
        <v>12</v>
      </c>
      <c r="H161" s="95" t="s">
        <v>12</v>
      </c>
      <c r="I161" s="95" t="s">
        <v>12</v>
      </c>
      <c r="J161" s="95" t="s">
        <v>929</v>
      </c>
      <c r="K161" s="95" t="s">
        <v>11</v>
      </c>
      <c r="L161" s="173" t="s">
        <v>11</v>
      </c>
      <c r="M161" s="95" t="s">
        <v>12</v>
      </c>
      <c r="N161" s="170" t="s">
        <v>1171</v>
      </c>
      <c r="O161" s="164"/>
      <c r="P161" s="213" t="s">
        <v>1172</v>
      </c>
      <c r="Q161" s="114">
        <v>434</v>
      </c>
      <c r="R161" s="233" t="s">
        <v>1952</v>
      </c>
    </row>
    <row r="162" spans="1:18" s="233" customFormat="1" ht="50.15" customHeight="1">
      <c r="A162" s="42" t="s">
        <v>1948</v>
      </c>
      <c r="B162" s="229" t="s">
        <v>460</v>
      </c>
      <c r="C162" s="238"/>
      <c r="D162" s="52" t="s">
        <v>653</v>
      </c>
      <c r="E162" s="42" t="s">
        <v>9</v>
      </c>
      <c r="F162" s="231" t="s">
        <v>14</v>
      </c>
      <c r="G162" s="52" t="s">
        <v>12</v>
      </c>
      <c r="H162" s="52" t="s">
        <v>12</v>
      </c>
      <c r="I162" s="52" t="s">
        <v>12</v>
      </c>
      <c r="J162" s="52" t="s">
        <v>12</v>
      </c>
      <c r="K162" s="52" t="s">
        <v>11</v>
      </c>
      <c r="L162" s="52" t="s">
        <v>11</v>
      </c>
      <c r="M162" s="52" t="s">
        <v>12</v>
      </c>
      <c r="N162" s="231" t="s">
        <v>657</v>
      </c>
      <c r="O162" s="230" t="s">
        <v>658</v>
      </c>
      <c r="P162" s="53" t="s">
        <v>659</v>
      </c>
      <c r="Q162" s="114">
        <v>456</v>
      </c>
      <c r="R162" s="233" t="s">
        <v>1952</v>
      </c>
    </row>
    <row r="163" spans="1:18" s="233" customFormat="1" ht="50.15" customHeight="1">
      <c r="A163" s="42" t="s">
        <v>1948</v>
      </c>
      <c r="B163" s="229" t="s">
        <v>756</v>
      </c>
      <c r="C163" s="234"/>
      <c r="D163" s="52" t="s">
        <v>653</v>
      </c>
      <c r="E163" s="42" t="s">
        <v>9</v>
      </c>
      <c r="F163" s="231" t="s">
        <v>10</v>
      </c>
      <c r="G163" s="52" t="s">
        <v>12</v>
      </c>
      <c r="H163" s="52" t="s">
        <v>12</v>
      </c>
      <c r="I163" s="52" t="s">
        <v>12</v>
      </c>
      <c r="J163" s="52" t="s">
        <v>12</v>
      </c>
      <c r="K163" s="52" t="s">
        <v>11</v>
      </c>
      <c r="L163" s="52" t="s">
        <v>11</v>
      </c>
      <c r="M163" s="52" t="s">
        <v>12</v>
      </c>
      <c r="N163" s="231" t="s">
        <v>657</v>
      </c>
      <c r="O163" s="234"/>
      <c r="P163" s="53" t="s">
        <v>660</v>
      </c>
      <c r="Q163" s="114">
        <v>456</v>
      </c>
      <c r="R163" s="233" t="s">
        <v>1952</v>
      </c>
    </row>
    <row r="164" spans="1:18" s="233" customFormat="1" ht="50.15" customHeight="1">
      <c r="A164" s="42" t="s">
        <v>1948</v>
      </c>
      <c r="B164" s="229" t="s">
        <v>1402</v>
      </c>
      <c r="C164" s="230"/>
      <c r="D164" s="173" t="s">
        <v>18</v>
      </c>
      <c r="E164" s="241" t="s">
        <v>9</v>
      </c>
      <c r="F164" s="173" t="s">
        <v>14</v>
      </c>
      <c r="G164" s="173" t="s">
        <v>12</v>
      </c>
      <c r="H164" s="173" t="s">
        <v>12</v>
      </c>
      <c r="I164" s="173" t="s">
        <v>12</v>
      </c>
      <c r="J164" s="173" t="s">
        <v>929</v>
      </c>
      <c r="K164" s="173" t="s">
        <v>11</v>
      </c>
      <c r="L164" s="173" t="s">
        <v>11</v>
      </c>
      <c r="M164" s="173" t="s">
        <v>11</v>
      </c>
      <c r="N164" s="242" t="s">
        <v>1164</v>
      </c>
      <c r="O164" s="175" t="s">
        <v>1527</v>
      </c>
      <c r="P164" s="52" t="s">
        <v>1502</v>
      </c>
      <c r="Q164" s="114">
        <v>411</v>
      </c>
      <c r="R164" s="233" t="s">
        <v>1952</v>
      </c>
    </row>
    <row r="165" spans="1:18" s="233" customFormat="1" ht="50.15" customHeight="1">
      <c r="A165" s="42" t="s">
        <v>1948</v>
      </c>
      <c r="B165" s="229" t="s">
        <v>1501</v>
      </c>
      <c r="C165" s="238"/>
      <c r="D165" s="173" t="s">
        <v>18</v>
      </c>
      <c r="E165" s="241" t="s">
        <v>9</v>
      </c>
      <c r="F165" s="173" t="s">
        <v>10</v>
      </c>
      <c r="G165" s="173" t="s">
        <v>12</v>
      </c>
      <c r="H165" s="173" t="s">
        <v>12</v>
      </c>
      <c r="I165" s="173" t="s">
        <v>12</v>
      </c>
      <c r="J165" s="173" t="s">
        <v>929</v>
      </c>
      <c r="K165" s="173" t="s">
        <v>11</v>
      </c>
      <c r="L165" s="173" t="s">
        <v>11</v>
      </c>
      <c r="M165" s="173" t="s">
        <v>11</v>
      </c>
      <c r="N165" s="242" t="s">
        <v>1164</v>
      </c>
      <c r="O165" s="176"/>
      <c r="P165" s="52" t="s">
        <v>1528</v>
      </c>
      <c r="Q165" s="114">
        <v>411</v>
      </c>
      <c r="R165" s="233" t="s">
        <v>1953</v>
      </c>
    </row>
    <row r="166" spans="1:18" s="233" customFormat="1" ht="50.15" customHeight="1">
      <c r="A166" s="42" t="s">
        <v>1948</v>
      </c>
      <c r="B166" s="229" t="s">
        <v>1403</v>
      </c>
      <c r="C166" s="238"/>
      <c r="D166" s="173" t="s">
        <v>20</v>
      </c>
      <c r="E166" s="241" t="s">
        <v>9</v>
      </c>
      <c r="F166" s="242" t="s">
        <v>1529</v>
      </c>
      <c r="G166" s="173" t="s">
        <v>12</v>
      </c>
      <c r="H166" s="173" t="s">
        <v>12</v>
      </c>
      <c r="I166" s="173" t="s">
        <v>12</v>
      </c>
      <c r="J166" s="173" t="s">
        <v>929</v>
      </c>
      <c r="K166" s="173" t="s">
        <v>11</v>
      </c>
      <c r="L166" s="173" t="s">
        <v>11</v>
      </c>
      <c r="M166" s="243" t="s">
        <v>11</v>
      </c>
      <c r="N166" s="242" t="s">
        <v>1530</v>
      </c>
      <c r="O166" s="175" t="s">
        <v>1169</v>
      </c>
      <c r="P166" s="53" t="s">
        <v>1531</v>
      </c>
      <c r="Q166" s="114">
        <v>434</v>
      </c>
      <c r="R166" s="233" t="s">
        <v>1952</v>
      </c>
    </row>
    <row r="167" spans="1:18" s="233" customFormat="1" ht="50.15" customHeight="1">
      <c r="A167" s="42" t="s">
        <v>1948</v>
      </c>
      <c r="B167" s="229" t="s">
        <v>1406</v>
      </c>
      <c r="C167" s="238"/>
      <c r="D167" s="173" t="s">
        <v>447</v>
      </c>
      <c r="E167" s="241" t="s">
        <v>9</v>
      </c>
      <c r="F167" s="242" t="s">
        <v>10</v>
      </c>
      <c r="G167" s="173" t="s">
        <v>12</v>
      </c>
      <c r="H167" s="173" t="s">
        <v>12</v>
      </c>
      <c r="I167" s="173" t="s">
        <v>12</v>
      </c>
      <c r="J167" s="173" t="s">
        <v>1532</v>
      </c>
      <c r="K167" s="173" t="s">
        <v>11</v>
      </c>
      <c r="L167" s="173" t="s">
        <v>11</v>
      </c>
      <c r="M167" s="243" t="s">
        <v>11</v>
      </c>
      <c r="N167" s="242" t="s">
        <v>1171</v>
      </c>
      <c r="O167" s="176"/>
      <c r="P167" s="53" t="s">
        <v>1533</v>
      </c>
      <c r="Q167" s="114">
        <v>434</v>
      </c>
      <c r="R167" s="233" t="s">
        <v>1953</v>
      </c>
    </row>
    <row r="168" spans="1:18" s="233" customFormat="1" ht="50.15" customHeight="1">
      <c r="A168" s="42" t="s">
        <v>1948</v>
      </c>
      <c r="B168" s="229" t="s">
        <v>1404</v>
      </c>
      <c r="C168" s="238"/>
      <c r="D168" s="173" t="s">
        <v>21</v>
      </c>
      <c r="E168" s="241" t="s">
        <v>9</v>
      </c>
      <c r="F168" s="242" t="s">
        <v>14</v>
      </c>
      <c r="G168" s="173" t="s">
        <v>12</v>
      </c>
      <c r="H168" s="173" t="s">
        <v>12</v>
      </c>
      <c r="I168" s="173" t="s">
        <v>12</v>
      </c>
      <c r="J168" s="173" t="s">
        <v>929</v>
      </c>
      <c r="K168" s="173" t="s">
        <v>11</v>
      </c>
      <c r="L168" s="173" t="s">
        <v>11</v>
      </c>
      <c r="M168" s="173" t="s">
        <v>11</v>
      </c>
      <c r="N168" s="242" t="s">
        <v>1534</v>
      </c>
      <c r="O168" s="175" t="s">
        <v>1535</v>
      </c>
      <c r="P168" s="53" t="s">
        <v>1536</v>
      </c>
      <c r="Q168" s="114">
        <v>456</v>
      </c>
      <c r="R168" s="233" t="s">
        <v>1952</v>
      </c>
    </row>
    <row r="169" spans="1:18" s="233" customFormat="1" ht="50.15" customHeight="1">
      <c r="A169" s="42" t="s">
        <v>1948</v>
      </c>
      <c r="B169" s="229" t="s">
        <v>1407</v>
      </c>
      <c r="C169" s="234"/>
      <c r="D169" s="173" t="s">
        <v>21</v>
      </c>
      <c r="E169" s="241" t="s">
        <v>9</v>
      </c>
      <c r="F169" s="242" t="s">
        <v>10</v>
      </c>
      <c r="G169" s="173" t="s">
        <v>12</v>
      </c>
      <c r="H169" s="173" t="s">
        <v>12</v>
      </c>
      <c r="I169" s="173" t="s">
        <v>12</v>
      </c>
      <c r="J169" s="173" t="s">
        <v>1532</v>
      </c>
      <c r="K169" s="173" t="s">
        <v>11</v>
      </c>
      <c r="L169" s="173" t="s">
        <v>11</v>
      </c>
      <c r="M169" s="173" t="s">
        <v>11</v>
      </c>
      <c r="N169" s="242" t="s">
        <v>1537</v>
      </c>
      <c r="O169" s="176"/>
      <c r="P169" s="53" t="s">
        <v>1538</v>
      </c>
      <c r="Q169" s="114">
        <v>456</v>
      </c>
      <c r="R169" s="233" t="s">
        <v>1953</v>
      </c>
    </row>
    <row r="170" spans="1:18" s="233" customFormat="1" ht="50.15" customHeight="1">
      <c r="A170" s="42" t="s">
        <v>1173</v>
      </c>
      <c r="B170" s="229" t="s">
        <v>1347</v>
      </c>
      <c r="C170" s="230"/>
      <c r="D170" s="52" t="s">
        <v>1110</v>
      </c>
      <c r="E170" s="42" t="s">
        <v>9</v>
      </c>
      <c r="F170" s="231" t="s">
        <v>1291</v>
      </c>
      <c r="G170" s="52" t="s">
        <v>12</v>
      </c>
      <c r="H170" s="52" t="s">
        <v>12</v>
      </c>
      <c r="I170" s="52" t="s">
        <v>12</v>
      </c>
      <c r="J170" s="52" t="s">
        <v>12</v>
      </c>
      <c r="K170" s="52" t="s">
        <v>11</v>
      </c>
      <c r="L170" s="52" t="s">
        <v>11</v>
      </c>
      <c r="M170" s="52" t="s">
        <v>12</v>
      </c>
      <c r="N170" s="231" t="s">
        <v>1325</v>
      </c>
      <c r="O170" s="230" t="s">
        <v>1348</v>
      </c>
      <c r="P170" s="53" t="s">
        <v>1349</v>
      </c>
      <c r="Q170" s="114">
        <v>365</v>
      </c>
      <c r="R170" s="233" t="s">
        <v>1952</v>
      </c>
    </row>
    <row r="171" spans="1:18" s="233" customFormat="1" ht="50.15" customHeight="1">
      <c r="A171" s="42" t="s">
        <v>1173</v>
      </c>
      <c r="B171" s="52" t="s">
        <v>1350</v>
      </c>
      <c r="C171" s="234"/>
      <c r="D171" s="52" t="s">
        <v>1110</v>
      </c>
      <c r="E171" s="42" t="s">
        <v>9</v>
      </c>
      <c r="F171" s="231" t="s">
        <v>10</v>
      </c>
      <c r="G171" s="52" t="s">
        <v>12</v>
      </c>
      <c r="H171" s="52" t="s">
        <v>12</v>
      </c>
      <c r="I171" s="52" t="s">
        <v>12</v>
      </c>
      <c r="J171" s="52" t="s">
        <v>12</v>
      </c>
      <c r="K171" s="52" t="s">
        <v>11</v>
      </c>
      <c r="L171" s="52" t="s">
        <v>11</v>
      </c>
      <c r="M171" s="52" t="s">
        <v>12</v>
      </c>
      <c r="N171" s="231" t="s">
        <v>1325</v>
      </c>
      <c r="O171" s="234"/>
      <c r="P171" s="53" t="s">
        <v>1351</v>
      </c>
      <c r="Q171" s="114">
        <v>365</v>
      </c>
      <c r="R171" s="233" t="s">
        <v>1952</v>
      </c>
    </row>
    <row r="172" spans="1:18" s="233" customFormat="1" ht="50.15" customHeight="1">
      <c r="A172" s="42" t="s">
        <v>1469</v>
      </c>
      <c r="B172" s="53" t="s">
        <v>1495</v>
      </c>
      <c r="C172" s="52"/>
      <c r="D172" s="173" t="s">
        <v>18</v>
      </c>
      <c r="E172" s="241" t="s">
        <v>9</v>
      </c>
      <c r="F172" s="173" t="s">
        <v>14</v>
      </c>
      <c r="G172" s="173" t="s">
        <v>12</v>
      </c>
      <c r="H172" s="173" t="s">
        <v>12</v>
      </c>
      <c r="I172" s="173" t="s">
        <v>11</v>
      </c>
      <c r="J172" s="173" t="s">
        <v>12</v>
      </c>
      <c r="K172" s="173" t="s">
        <v>68</v>
      </c>
      <c r="L172" s="173" t="s">
        <v>68</v>
      </c>
      <c r="M172" s="173" t="s">
        <v>12</v>
      </c>
      <c r="N172" s="242" t="s">
        <v>1519</v>
      </c>
      <c r="O172" s="242" t="s">
        <v>1520</v>
      </c>
      <c r="P172" s="52" t="s">
        <v>1521</v>
      </c>
      <c r="Q172" s="114">
        <v>342</v>
      </c>
      <c r="R172" s="233" t="s">
        <v>1952</v>
      </c>
    </row>
    <row r="173" spans="1:18" s="233" customFormat="1" ht="50.15" customHeight="1">
      <c r="A173" s="42" t="s">
        <v>1469</v>
      </c>
      <c r="B173" s="244" t="s">
        <v>1494</v>
      </c>
      <c r="C173" s="52"/>
      <c r="D173" s="243" t="s">
        <v>18</v>
      </c>
      <c r="E173" s="245" t="s">
        <v>1522</v>
      </c>
      <c r="F173" s="246" t="s">
        <v>1316</v>
      </c>
      <c r="G173" s="243" t="s">
        <v>12</v>
      </c>
      <c r="H173" s="243" t="s">
        <v>12</v>
      </c>
      <c r="I173" s="243" t="s">
        <v>12</v>
      </c>
      <c r="J173" s="243" t="s">
        <v>1523</v>
      </c>
      <c r="K173" s="243" t="s">
        <v>68</v>
      </c>
      <c r="L173" s="243" t="s">
        <v>68</v>
      </c>
      <c r="M173" s="243" t="s">
        <v>12</v>
      </c>
      <c r="N173" s="246" t="s">
        <v>1524</v>
      </c>
      <c r="O173" s="246" t="s">
        <v>1525</v>
      </c>
      <c r="P173" s="122" t="s">
        <v>1526</v>
      </c>
      <c r="Q173" s="114">
        <v>571</v>
      </c>
      <c r="R173" s="233" t="s">
        <v>1953</v>
      </c>
    </row>
    <row r="174" spans="1:18" s="233" customFormat="1" ht="50.15" customHeight="1">
      <c r="A174" s="42" t="s">
        <v>1173</v>
      </c>
      <c r="B174" s="229" t="s">
        <v>1352</v>
      </c>
      <c r="C174" s="230"/>
      <c r="D174" s="52" t="s">
        <v>1110</v>
      </c>
      <c r="E174" s="42" t="s">
        <v>9</v>
      </c>
      <c r="F174" s="231" t="s">
        <v>1291</v>
      </c>
      <c r="G174" s="52" t="s">
        <v>12</v>
      </c>
      <c r="H174" s="52" t="s">
        <v>12</v>
      </c>
      <c r="I174" s="52" t="s">
        <v>12</v>
      </c>
      <c r="J174" s="52" t="s">
        <v>11</v>
      </c>
      <c r="K174" s="173" t="s">
        <v>68</v>
      </c>
      <c r="L174" s="173" t="s">
        <v>68</v>
      </c>
      <c r="M174" s="52" t="s">
        <v>12</v>
      </c>
      <c r="N174" s="231" t="s">
        <v>1304</v>
      </c>
      <c r="O174" s="230" t="s">
        <v>1353</v>
      </c>
      <c r="P174" s="247" t="s">
        <v>1354</v>
      </c>
      <c r="Q174" s="114">
        <v>365</v>
      </c>
      <c r="R174" s="233" t="s">
        <v>1952</v>
      </c>
    </row>
    <row r="175" spans="1:18" s="233" customFormat="1" ht="50.15" customHeight="1">
      <c r="A175" s="42" t="s">
        <v>1173</v>
      </c>
      <c r="B175" s="229" t="s">
        <v>1355</v>
      </c>
      <c r="C175" s="234"/>
      <c r="D175" s="52" t="s">
        <v>1110</v>
      </c>
      <c r="E175" s="42" t="s">
        <v>9</v>
      </c>
      <c r="F175" s="231" t="s">
        <v>10</v>
      </c>
      <c r="G175" s="52" t="s">
        <v>12</v>
      </c>
      <c r="H175" s="52" t="s">
        <v>12</v>
      </c>
      <c r="I175" s="52" t="s">
        <v>12</v>
      </c>
      <c r="J175" s="52" t="s">
        <v>11</v>
      </c>
      <c r="K175" s="173" t="s">
        <v>68</v>
      </c>
      <c r="L175" s="173" t="s">
        <v>68</v>
      </c>
      <c r="M175" s="52" t="s">
        <v>12</v>
      </c>
      <c r="N175" s="231" t="s">
        <v>1304</v>
      </c>
      <c r="O175" s="234"/>
      <c r="P175" s="247" t="s">
        <v>458</v>
      </c>
      <c r="Q175" s="114">
        <v>365</v>
      </c>
      <c r="R175" s="233" t="s">
        <v>1953</v>
      </c>
    </row>
    <row r="176" spans="1:18" s="233" customFormat="1" ht="50.15" customHeight="1">
      <c r="A176" s="42" t="s">
        <v>1173</v>
      </c>
      <c r="B176" s="229" t="s">
        <v>1356</v>
      </c>
      <c r="C176" s="230"/>
      <c r="D176" s="52" t="s">
        <v>1110</v>
      </c>
      <c r="E176" s="42" t="s">
        <v>9</v>
      </c>
      <c r="F176" s="231" t="s">
        <v>14</v>
      </c>
      <c r="G176" s="52" t="s">
        <v>12</v>
      </c>
      <c r="H176" s="52" t="s">
        <v>12</v>
      </c>
      <c r="I176" s="52" t="s">
        <v>12</v>
      </c>
      <c r="J176" s="52" t="s">
        <v>12</v>
      </c>
      <c r="K176" s="173" t="s">
        <v>68</v>
      </c>
      <c r="L176" s="173" t="s">
        <v>68</v>
      </c>
      <c r="M176" s="52" t="s">
        <v>11</v>
      </c>
      <c r="N176" s="231" t="s">
        <v>1357</v>
      </c>
      <c r="O176" s="230" t="s">
        <v>1358</v>
      </c>
      <c r="P176" s="247" t="s">
        <v>1359</v>
      </c>
      <c r="Q176" s="114">
        <v>365</v>
      </c>
      <c r="R176" s="233" t="s">
        <v>1952</v>
      </c>
    </row>
    <row r="177" spans="1:19" s="233" customFormat="1" ht="50.15" customHeight="1">
      <c r="A177" s="42" t="s">
        <v>1173</v>
      </c>
      <c r="B177" s="229" t="s">
        <v>1360</v>
      </c>
      <c r="C177" s="234"/>
      <c r="D177" s="52" t="s">
        <v>1110</v>
      </c>
      <c r="E177" s="42" t="s">
        <v>9</v>
      </c>
      <c r="F177" s="231" t="s">
        <v>10</v>
      </c>
      <c r="G177" s="52" t="s">
        <v>12</v>
      </c>
      <c r="H177" s="52" t="s">
        <v>12</v>
      </c>
      <c r="I177" s="52" t="s">
        <v>12</v>
      </c>
      <c r="J177" s="52" t="s">
        <v>12</v>
      </c>
      <c r="K177" s="173" t="s">
        <v>68</v>
      </c>
      <c r="L177" s="173" t="s">
        <v>68</v>
      </c>
      <c r="M177" s="52" t="s">
        <v>11</v>
      </c>
      <c r="N177" s="231" t="s">
        <v>1357</v>
      </c>
      <c r="O177" s="234"/>
      <c r="P177" s="247" t="s">
        <v>459</v>
      </c>
      <c r="Q177" s="114">
        <v>365</v>
      </c>
      <c r="R177" s="233" t="s">
        <v>1953</v>
      </c>
    </row>
    <row r="178" spans="1:19" s="233" customFormat="1" ht="50.15" customHeight="1">
      <c r="A178" s="42" t="s">
        <v>1173</v>
      </c>
      <c r="B178" s="229" t="s">
        <v>1361</v>
      </c>
      <c r="C178" s="52"/>
      <c r="D178" s="52" t="s">
        <v>1110</v>
      </c>
      <c r="E178" s="42" t="s">
        <v>9</v>
      </c>
      <c r="F178" s="231" t="s">
        <v>1362</v>
      </c>
      <c r="G178" s="52" t="s">
        <v>12</v>
      </c>
      <c r="H178" s="52" t="s">
        <v>12</v>
      </c>
      <c r="I178" s="52" t="s">
        <v>12</v>
      </c>
      <c r="J178" s="52" t="s">
        <v>11</v>
      </c>
      <c r="K178" s="173" t="s">
        <v>68</v>
      </c>
      <c r="L178" s="173" t="s">
        <v>68</v>
      </c>
      <c r="M178" s="52" t="s">
        <v>11</v>
      </c>
      <c r="N178" s="231" t="s">
        <v>1304</v>
      </c>
      <c r="O178" s="52" t="s">
        <v>1363</v>
      </c>
      <c r="P178" s="247" t="s">
        <v>1364</v>
      </c>
      <c r="Q178" s="114">
        <v>571</v>
      </c>
      <c r="R178" s="233" t="s">
        <v>1952</v>
      </c>
    </row>
    <row r="179" spans="1:19" s="233" customFormat="1" ht="50.15" customHeight="1">
      <c r="A179" s="42" t="s">
        <v>1173</v>
      </c>
      <c r="B179" s="229" t="s">
        <v>1365</v>
      </c>
      <c r="C179" s="52"/>
      <c r="D179" s="52" t="s">
        <v>1110</v>
      </c>
      <c r="E179" s="42" t="s">
        <v>9</v>
      </c>
      <c r="F179" s="231" t="s">
        <v>1362</v>
      </c>
      <c r="G179" s="52" t="s">
        <v>12</v>
      </c>
      <c r="H179" s="52" t="s">
        <v>12</v>
      </c>
      <c r="I179" s="52" t="s">
        <v>12</v>
      </c>
      <c r="J179" s="52" t="s">
        <v>12</v>
      </c>
      <c r="K179" s="173" t="s">
        <v>68</v>
      </c>
      <c r="L179" s="173" t="s">
        <v>68</v>
      </c>
      <c r="M179" s="52" t="s">
        <v>12</v>
      </c>
      <c r="N179" s="231" t="s">
        <v>1304</v>
      </c>
      <c r="O179" s="52" t="s">
        <v>1366</v>
      </c>
      <c r="P179" s="247" t="s">
        <v>1367</v>
      </c>
      <c r="Q179" s="114">
        <v>571</v>
      </c>
      <c r="R179" s="233" t="s">
        <v>1952</v>
      </c>
    </row>
    <row r="180" spans="1:19" s="233" customFormat="1" ht="50.15" customHeight="1">
      <c r="A180" s="42" t="s">
        <v>1173</v>
      </c>
      <c r="B180" s="229" t="s">
        <v>1368</v>
      </c>
      <c r="C180" s="52"/>
      <c r="D180" s="52" t="s">
        <v>1110</v>
      </c>
      <c r="E180" s="42" t="s">
        <v>9</v>
      </c>
      <c r="F180" s="231" t="s">
        <v>1362</v>
      </c>
      <c r="G180" s="52" t="s">
        <v>12</v>
      </c>
      <c r="H180" s="52" t="s">
        <v>12</v>
      </c>
      <c r="I180" s="52" t="s">
        <v>12</v>
      </c>
      <c r="J180" s="52" t="s">
        <v>12</v>
      </c>
      <c r="K180" s="52" t="s">
        <v>11</v>
      </c>
      <c r="L180" s="52" t="s">
        <v>11</v>
      </c>
      <c r="M180" s="52" t="s">
        <v>12</v>
      </c>
      <c r="N180" s="231" t="s">
        <v>1369</v>
      </c>
      <c r="O180" s="52" t="s">
        <v>1370</v>
      </c>
      <c r="P180" s="247" t="s">
        <v>1371</v>
      </c>
      <c r="Q180" s="114">
        <v>571</v>
      </c>
      <c r="R180" s="233" t="s">
        <v>1952</v>
      </c>
    </row>
    <row r="181" spans="1:19" s="233" customFormat="1" ht="50.15" customHeight="1">
      <c r="A181" s="42" t="s">
        <v>303</v>
      </c>
      <c r="B181" s="229" t="s">
        <v>1752</v>
      </c>
      <c r="C181" s="230" t="s">
        <v>1946</v>
      </c>
      <c r="D181" s="248" t="s">
        <v>21</v>
      </c>
      <c r="E181" s="186" t="s">
        <v>9</v>
      </c>
      <c r="F181" s="75" t="s">
        <v>14</v>
      </c>
      <c r="G181" s="77" t="s">
        <v>12</v>
      </c>
      <c r="H181" s="77" t="s">
        <v>12</v>
      </c>
      <c r="I181" s="77" t="s">
        <v>12</v>
      </c>
      <c r="J181" s="77" t="s">
        <v>12</v>
      </c>
      <c r="K181" s="78" t="s">
        <v>68</v>
      </c>
      <c r="L181" s="78" t="s">
        <v>68</v>
      </c>
      <c r="M181" s="77" t="s">
        <v>11</v>
      </c>
      <c r="N181" s="75" t="s">
        <v>1667</v>
      </c>
      <c r="O181" s="249" t="s">
        <v>1668</v>
      </c>
      <c r="P181" s="250" t="s">
        <v>1669</v>
      </c>
      <c r="Q181" s="114">
        <v>434</v>
      </c>
      <c r="R181" s="233" t="s">
        <v>1953</v>
      </c>
    </row>
    <row r="182" spans="1:19" s="233" customFormat="1" ht="50.15" customHeight="1">
      <c r="A182" s="42" t="s">
        <v>303</v>
      </c>
      <c r="B182" s="229" t="s">
        <v>1672</v>
      </c>
      <c r="C182" s="234"/>
      <c r="D182" s="248" t="s">
        <v>21</v>
      </c>
      <c r="E182" s="186" t="s">
        <v>9</v>
      </c>
      <c r="F182" s="75" t="s">
        <v>10</v>
      </c>
      <c r="G182" s="77" t="s">
        <v>12</v>
      </c>
      <c r="H182" s="77" t="s">
        <v>12</v>
      </c>
      <c r="I182" s="77" t="s">
        <v>12</v>
      </c>
      <c r="J182" s="77" t="s">
        <v>12</v>
      </c>
      <c r="K182" s="78" t="s">
        <v>68</v>
      </c>
      <c r="L182" s="78" t="s">
        <v>68</v>
      </c>
      <c r="M182" s="77" t="s">
        <v>11</v>
      </c>
      <c r="N182" s="75" t="s">
        <v>1670</v>
      </c>
      <c r="O182" s="251"/>
      <c r="P182" s="252" t="s">
        <v>1671</v>
      </c>
      <c r="Q182" s="114">
        <v>434</v>
      </c>
      <c r="R182" s="233" t="s">
        <v>1953</v>
      </c>
    </row>
    <row r="183" spans="1:19" s="233" customFormat="1" ht="50.15" customHeight="1">
      <c r="A183" s="42" t="s">
        <v>1105</v>
      </c>
      <c r="B183" s="229" t="s">
        <v>1377</v>
      </c>
      <c r="C183" s="230"/>
      <c r="D183" s="95" t="s">
        <v>21</v>
      </c>
      <c r="E183" s="43" t="s">
        <v>9</v>
      </c>
      <c r="F183" s="170" t="s">
        <v>14</v>
      </c>
      <c r="G183" s="95" t="s">
        <v>12</v>
      </c>
      <c r="H183" s="95" t="s">
        <v>12</v>
      </c>
      <c r="I183" s="95" t="s">
        <v>12</v>
      </c>
      <c r="J183" s="95" t="s">
        <v>12</v>
      </c>
      <c r="K183" s="173" t="s">
        <v>68</v>
      </c>
      <c r="L183" s="173" t="s">
        <v>68</v>
      </c>
      <c r="M183" s="95" t="s">
        <v>11</v>
      </c>
      <c r="N183" s="170" t="s">
        <v>1372</v>
      </c>
      <c r="O183" s="163" t="s">
        <v>1373</v>
      </c>
      <c r="P183" s="213" t="s">
        <v>1374</v>
      </c>
      <c r="Q183" s="114">
        <v>434</v>
      </c>
      <c r="R183" s="233" t="s">
        <v>1952</v>
      </c>
    </row>
    <row r="184" spans="1:19" s="233" customFormat="1" ht="50.15" customHeight="1">
      <c r="A184" s="42" t="s">
        <v>1105</v>
      </c>
      <c r="B184" s="229" t="s">
        <v>1378</v>
      </c>
      <c r="C184" s="234"/>
      <c r="D184" s="95" t="s">
        <v>21</v>
      </c>
      <c r="E184" s="43" t="s">
        <v>9</v>
      </c>
      <c r="F184" s="170" t="s">
        <v>10</v>
      </c>
      <c r="G184" s="95" t="s">
        <v>12</v>
      </c>
      <c r="H184" s="95" t="s">
        <v>12</v>
      </c>
      <c r="I184" s="95" t="s">
        <v>12</v>
      </c>
      <c r="J184" s="95" t="s">
        <v>12</v>
      </c>
      <c r="K184" s="173" t="s">
        <v>1187</v>
      </c>
      <c r="L184" s="173" t="s">
        <v>68</v>
      </c>
      <c r="M184" s="95" t="s">
        <v>11</v>
      </c>
      <c r="N184" s="170" t="s">
        <v>1375</v>
      </c>
      <c r="O184" s="164"/>
      <c r="P184" s="213" t="s">
        <v>1376</v>
      </c>
      <c r="Q184" s="114">
        <v>434</v>
      </c>
      <c r="R184" s="233" t="s">
        <v>1953</v>
      </c>
    </row>
    <row r="185" spans="1:19" s="233" customFormat="1" ht="50.15" customHeight="1">
      <c r="A185" s="42" t="s">
        <v>455</v>
      </c>
      <c r="B185" s="229" t="s">
        <v>893</v>
      </c>
      <c r="C185" s="230"/>
      <c r="D185" s="52" t="s">
        <v>653</v>
      </c>
      <c r="E185" s="42" t="s">
        <v>9</v>
      </c>
      <c r="F185" s="52" t="s">
        <v>654</v>
      </c>
      <c r="G185" s="52" t="s">
        <v>12</v>
      </c>
      <c r="H185" s="52" t="s">
        <v>12</v>
      </c>
      <c r="I185" s="52" t="s">
        <v>12</v>
      </c>
      <c r="J185" s="52" t="s">
        <v>12</v>
      </c>
      <c r="K185" s="52" t="s">
        <v>11</v>
      </c>
      <c r="L185" s="52" t="s">
        <v>11</v>
      </c>
      <c r="M185" s="52" t="s">
        <v>11</v>
      </c>
      <c r="N185" s="52" t="s">
        <v>661</v>
      </c>
      <c r="O185" s="230" t="s">
        <v>662</v>
      </c>
      <c r="P185" s="247" t="s">
        <v>663</v>
      </c>
      <c r="Q185" s="114">
        <v>411</v>
      </c>
      <c r="R185" s="233" t="s">
        <v>1952</v>
      </c>
    </row>
    <row r="186" spans="1:19" s="233" customFormat="1" ht="50.15" customHeight="1">
      <c r="A186" s="42" t="s">
        <v>455</v>
      </c>
      <c r="B186" s="229" t="s">
        <v>894</v>
      </c>
      <c r="C186" s="234"/>
      <c r="D186" s="52" t="s">
        <v>653</v>
      </c>
      <c r="E186" s="42" t="s">
        <v>9</v>
      </c>
      <c r="F186" s="52" t="s">
        <v>10</v>
      </c>
      <c r="G186" s="52" t="s">
        <v>12</v>
      </c>
      <c r="H186" s="52" t="s">
        <v>12</v>
      </c>
      <c r="I186" s="52" t="s">
        <v>12</v>
      </c>
      <c r="J186" s="52" t="s">
        <v>12</v>
      </c>
      <c r="K186" s="52" t="s">
        <v>11</v>
      </c>
      <c r="L186" s="52" t="s">
        <v>11</v>
      </c>
      <c r="M186" s="52" t="s">
        <v>11</v>
      </c>
      <c r="N186" s="52" t="s">
        <v>661</v>
      </c>
      <c r="O186" s="234"/>
      <c r="P186" s="247" t="s">
        <v>664</v>
      </c>
      <c r="Q186" s="114">
        <v>411</v>
      </c>
      <c r="R186" s="233" t="s">
        <v>1953</v>
      </c>
    </row>
    <row r="187" spans="1:19" s="233" customFormat="1" ht="50.15" customHeight="1">
      <c r="A187" s="42" t="s">
        <v>455</v>
      </c>
      <c r="B187" s="229" t="s">
        <v>665</v>
      </c>
      <c r="C187" s="52"/>
      <c r="D187" s="52" t="s">
        <v>666</v>
      </c>
      <c r="E187" s="42" t="s">
        <v>9</v>
      </c>
      <c r="F187" s="231" t="s">
        <v>667</v>
      </c>
      <c r="G187" s="52" t="s">
        <v>12</v>
      </c>
      <c r="H187" s="52" t="s">
        <v>12</v>
      </c>
      <c r="I187" s="52" t="s">
        <v>12</v>
      </c>
      <c r="J187" s="52" t="s">
        <v>11</v>
      </c>
      <c r="K187" s="173" t="s">
        <v>68</v>
      </c>
      <c r="L187" s="173" t="s">
        <v>68</v>
      </c>
      <c r="M187" s="52" t="s">
        <v>11</v>
      </c>
      <c r="N187" s="231" t="s">
        <v>656</v>
      </c>
      <c r="O187" s="52" t="s">
        <v>668</v>
      </c>
      <c r="P187" s="247" t="s">
        <v>669</v>
      </c>
      <c r="Q187" s="114">
        <v>651</v>
      </c>
      <c r="R187" s="233" t="s">
        <v>1952</v>
      </c>
    </row>
    <row r="188" spans="1:19" s="233" customFormat="1" ht="50.15" customHeight="1">
      <c r="A188" s="42" t="s">
        <v>455</v>
      </c>
      <c r="B188" s="229" t="s">
        <v>670</v>
      </c>
      <c r="C188" s="52"/>
      <c r="D188" s="52" t="s">
        <v>653</v>
      </c>
      <c r="E188" s="42" t="s">
        <v>9</v>
      </c>
      <c r="F188" s="231" t="s">
        <v>671</v>
      </c>
      <c r="G188" s="52" t="s">
        <v>12</v>
      </c>
      <c r="H188" s="52" t="s">
        <v>12</v>
      </c>
      <c r="I188" s="52" t="s">
        <v>12</v>
      </c>
      <c r="J188" s="52" t="s">
        <v>11</v>
      </c>
      <c r="K188" s="241" t="s">
        <v>68</v>
      </c>
      <c r="L188" s="241" t="s">
        <v>68</v>
      </c>
      <c r="M188" s="52" t="s">
        <v>12</v>
      </c>
      <c r="N188" s="231" t="s">
        <v>656</v>
      </c>
      <c r="O188" s="52" t="s">
        <v>672</v>
      </c>
      <c r="P188" s="247" t="s">
        <v>673</v>
      </c>
      <c r="Q188" s="114">
        <v>651</v>
      </c>
      <c r="R188" s="233" t="s">
        <v>1952</v>
      </c>
    </row>
    <row r="189" spans="1:19" s="233" customFormat="1" ht="50.15" customHeight="1">
      <c r="A189" s="42" t="s">
        <v>455</v>
      </c>
      <c r="B189" s="229" t="s">
        <v>461</v>
      </c>
      <c r="C189" s="52"/>
      <c r="D189" s="52" t="s">
        <v>653</v>
      </c>
      <c r="E189" s="42" t="s">
        <v>9</v>
      </c>
      <c r="F189" s="231" t="s">
        <v>674</v>
      </c>
      <c r="G189" s="52" t="s">
        <v>12</v>
      </c>
      <c r="H189" s="52" t="s">
        <v>12</v>
      </c>
      <c r="I189" s="52" t="s">
        <v>12</v>
      </c>
      <c r="J189" s="52" t="s">
        <v>12</v>
      </c>
      <c r="K189" s="52" t="s">
        <v>11</v>
      </c>
      <c r="L189" s="52" t="s">
        <v>11</v>
      </c>
      <c r="M189" s="52" t="s">
        <v>12</v>
      </c>
      <c r="N189" s="52" t="s">
        <v>675</v>
      </c>
      <c r="O189" s="52" t="s">
        <v>676</v>
      </c>
      <c r="P189" s="247" t="s">
        <v>677</v>
      </c>
      <c r="Q189" s="114">
        <v>651</v>
      </c>
      <c r="R189" s="233" t="s">
        <v>1952</v>
      </c>
    </row>
    <row r="190" spans="1:19" s="56" customFormat="1" ht="50.15" customHeight="1">
      <c r="A190" s="253" t="s">
        <v>219</v>
      </c>
      <c r="B190" s="254"/>
      <c r="C190" s="254"/>
      <c r="D190" s="254"/>
      <c r="E190" s="254"/>
      <c r="F190" s="254"/>
      <c r="G190" s="254"/>
      <c r="H190" s="254"/>
      <c r="I190" s="254"/>
      <c r="J190" s="254"/>
      <c r="K190" s="254"/>
      <c r="L190" s="254"/>
      <c r="M190" s="254"/>
      <c r="N190" s="254"/>
      <c r="O190" s="254"/>
      <c r="P190" s="254"/>
      <c r="Q190" s="255"/>
      <c r="R190" s="492"/>
      <c r="S190" s="492"/>
    </row>
    <row r="191" spans="1:19" s="224" customFormat="1" ht="50.15" customHeight="1">
      <c r="A191" s="121" t="s">
        <v>336</v>
      </c>
      <c r="B191" s="256" t="s">
        <v>1076</v>
      </c>
      <c r="C191" s="158"/>
      <c r="D191" s="202" t="s">
        <v>18</v>
      </c>
      <c r="E191" s="203" t="s">
        <v>9</v>
      </c>
      <c r="F191" s="202" t="s">
        <v>1117</v>
      </c>
      <c r="G191" s="202" t="s">
        <v>12</v>
      </c>
      <c r="H191" s="202" t="s">
        <v>12</v>
      </c>
      <c r="I191" s="202" t="s">
        <v>12</v>
      </c>
      <c r="J191" s="202" t="s">
        <v>12</v>
      </c>
      <c r="K191" s="202" t="s">
        <v>11</v>
      </c>
      <c r="L191" s="202" t="s">
        <v>11</v>
      </c>
      <c r="M191" s="202" t="s">
        <v>12</v>
      </c>
      <c r="N191" s="202" t="s">
        <v>1118</v>
      </c>
      <c r="O191" s="257" t="s">
        <v>1119</v>
      </c>
      <c r="P191" s="202" t="s">
        <v>1120</v>
      </c>
      <c r="Q191" s="159">
        <v>353</v>
      </c>
      <c r="R191" s="224" t="s">
        <v>1953</v>
      </c>
    </row>
    <row r="192" spans="1:19" s="224" customFormat="1" ht="50.15" customHeight="1">
      <c r="A192" s="121" t="s">
        <v>336</v>
      </c>
      <c r="B192" s="256" t="s">
        <v>1077</v>
      </c>
      <c r="C192" s="161"/>
      <c r="D192" s="202" t="s">
        <v>18</v>
      </c>
      <c r="E192" s="203" t="s">
        <v>9</v>
      </c>
      <c r="F192" s="202" t="s">
        <v>10</v>
      </c>
      <c r="G192" s="202" t="s">
        <v>12</v>
      </c>
      <c r="H192" s="202" t="s">
        <v>12</v>
      </c>
      <c r="I192" s="202" t="s">
        <v>12</v>
      </c>
      <c r="J192" s="202" t="s">
        <v>12</v>
      </c>
      <c r="K192" s="202" t="s">
        <v>11</v>
      </c>
      <c r="L192" s="202" t="s">
        <v>11</v>
      </c>
      <c r="M192" s="202" t="s">
        <v>12</v>
      </c>
      <c r="N192" s="202" t="s">
        <v>1118</v>
      </c>
      <c r="O192" s="258"/>
      <c r="P192" s="202" t="s">
        <v>1121</v>
      </c>
      <c r="Q192" s="159">
        <v>353</v>
      </c>
      <c r="R192" s="224" t="s">
        <v>1953</v>
      </c>
    </row>
    <row r="193" spans="1:18" s="224" customFormat="1" ht="50.15" customHeight="1">
      <c r="A193" s="121" t="s">
        <v>336</v>
      </c>
      <c r="B193" s="256" t="s">
        <v>1078</v>
      </c>
      <c r="C193" s="158"/>
      <c r="D193" s="202" t="s">
        <v>18</v>
      </c>
      <c r="E193" s="203" t="s">
        <v>9</v>
      </c>
      <c r="F193" s="202" t="s">
        <v>14</v>
      </c>
      <c r="G193" s="202" t="s">
        <v>12</v>
      </c>
      <c r="H193" s="202" t="s">
        <v>12</v>
      </c>
      <c r="I193" s="202" t="s">
        <v>12</v>
      </c>
      <c r="J193" s="202" t="s">
        <v>11</v>
      </c>
      <c r="K193" s="202" t="s">
        <v>68</v>
      </c>
      <c r="L193" s="243" t="s">
        <v>68</v>
      </c>
      <c r="M193" s="202" t="s">
        <v>11</v>
      </c>
      <c r="N193" s="202" t="s">
        <v>1122</v>
      </c>
      <c r="O193" s="257" t="s">
        <v>1123</v>
      </c>
      <c r="P193" s="202" t="s">
        <v>1113</v>
      </c>
      <c r="Q193" s="159">
        <v>353</v>
      </c>
      <c r="R193" s="224" t="s">
        <v>1953</v>
      </c>
    </row>
    <row r="194" spans="1:18" s="224" customFormat="1" ht="50.15" customHeight="1">
      <c r="A194" s="121" t="s">
        <v>336</v>
      </c>
      <c r="B194" s="256" t="s">
        <v>1079</v>
      </c>
      <c r="C194" s="161"/>
      <c r="D194" s="202" t="s">
        <v>18</v>
      </c>
      <c r="E194" s="203" t="s">
        <v>9</v>
      </c>
      <c r="F194" s="202" t="s">
        <v>1124</v>
      </c>
      <c r="G194" s="202" t="s">
        <v>12</v>
      </c>
      <c r="H194" s="202" t="s">
        <v>12</v>
      </c>
      <c r="I194" s="202" t="s">
        <v>12</v>
      </c>
      <c r="J194" s="202" t="s">
        <v>11</v>
      </c>
      <c r="K194" s="202" t="s">
        <v>68</v>
      </c>
      <c r="L194" s="243" t="s">
        <v>68</v>
      </c>
      <c r="M194" s="202" t="s">
        <v>11</v>
      </c>
      <c r="N194" s="202" t="s">
        <v>1122</v>
      </c>
      <c r="O194" s="258"/>
      <c r="P194" s="202" t="s">
        <v>1114</v>
      </c>
      <c r="Q194" s="159">
        <v>353</v>
      </c>
      <c r="R194" s="224" t="s">
        <v>1953</v>
      </c>
    </row>
    <row r="195" spans="1:18" s="224" customFormat="1" ht="50.15" customHeight="1">
      <c r="A195" s="121" t="s">
        <v>336</v>
      </c>
      <c r="B195" s="256" t="s">
        <v>1080</v>
      </c>
      <c r="C195" s="158"/>
      <c r="D195" s="202" t="s">
        <v>18</v>
      </c>
      <c r="E195" s="203" t="s">
        <v>9</v>
      </c>
      <c r="F195" s="202" t="s">
        <v>1117</v>
      </c>
      <c r="G195" s="202" t="s">
        <v>12</v>
      </c>
      <c r="H195" s="202" t="s">
        <v>12</v>
      </c>
      <c r="I195" s="202" t="s">
        <v>12</v>
      </c>
      <c r="J195" s="202" t="s">
        <v>12</v>
      </c>
      <c r="K195" s="202" t="s">
        <v>11</v>
      </c>
      <c r="L195" s="202" t="s">
        <v>11</v>
      </c>
      <c r="M195" s="202" t="s">
        <v>11</v>
      </c>
      <c r="N195" s="202" t="s">
        <v>1125</v>
      </c>
      <c r="O195" s="257" t="s">
        <v>1126</v>
      </c>
      <c r="P195" s="202" t="s">
        <v>1127</v>
      </c>
      <c r="Q195" s="159">
        <v>353</v>
      </c>
      <c r="R195" s="224" t="s">
        <v>1953</v>
      </c>
    </row>
    <row r="196" spans="1:18" s="224" customFormat="1" ht="50.15" customHeight="1">
      <c r="A196" s="121" t="s">
        <v>336</v>
      </c>
      <c r="B196" s="256" t="s">
        <v>1081</v>
      </c>
      <c r="C196" s="161"/>
      <c r="D196" s="202" t="s">
        <v>18</v>
      </c>
      <c r="E196" s="203" t="s">
        <v>1128</v>
      </c>
      <c r="F196" s="202" t="s">
        <v>1124</v>
      </c>
      <c r="G196" s="202" t="s">
        <v>12</v>
      </c>
      <c r="H196" s="202" t="s">
        <v>12</v>
      </c>
      <c r="I196" s="202" t="s">
        <v>12</v>
      </c>
      <c r="J196" s="202" t="s">
        <v>12</v>
      </c>
      <c r="K196" s="202" t="s">
        <v>11</v>
      </c>
      <c r="L196" s="202" t="s">
        <v>11</v>
      </c>
      <c r="M196" s="202" t="s">
        <v>11</v>
      </c>
      <c r="N196" s="202" t="s">
        <v>1125</v>
      </c>
      <c r="O196" s="258"/>
      <c r="P196" s="202" t="s">
        <v>1129</v>
      </c>
      <c r="Q196" s="159">
        <v>353</v>
      </c>
      <c r="R196" s="224" t="s">
        <v>1953</v>
      </c>
    </row>
    <row r="197" spans="1:18" s="224" customFormat="1" ht="50.15" customHeight="1">
      <c r="A197" s="121" t="s">
        <v>336</v>
      </c>
      <c r="B197" s="256" t="s">
        <v>1082</v>
      </c>
      <c r="C197" s="122"/>
      <c r="D197" s="203" t="s">
        <v>18</v>
      </c>
      <c r="E197" s="203" t="s">
        <v>9</v>
      </c>
      <c r="F197" s="202" t="s">
        <v>1130</v>
      </c>
      <c r="G197" s="202" t="s">
        <v>12</v>
      </c>
      <c r="H197" s="202" t="s">
        <v>12</v>
      </c>
      <c r="I197" s="202" t="s">
        <v>12</v>
      </c>
      <c r="J197" s="202" t="s">
        <v>11</v>
      </c>
      <c r="K197" s="245" t="s">
        <v>68</v>
      </c>
      <c r="L197" s="245" t="s">
        <v>68</v>
      </c>
      <c r="M197" s="202" t="s">
        <v>12</v>
      </c>
      <c r="N197" s="202" t="s">
        <v>1131</v>
      </c>
      <c r="O197" s="202" t="s">
        <v>1132</v>
      </c>
      <c r="P197" s="202" t="s">
        <v>1133</v>
      </c>
      <c r="Q197" s="159">
        <v>536</v>
      </c>
      <c r="R197" s="224" t="s">
        <v>1952</v>
      </c>
    </row>
    <row r="198" spans="1:18" s="224" customFormat="1" ht="50.15" customHeight="1">
      <c r="A198" s="121" t="s">
        <v>336</v>
      </c>
      <c r="B198" s="256" t="s">
        <v>1083</v>
      </c>
      <c r="C198" s="122"/>
      <c r="D198" s="203" t="s">
        <v>1134</v>
      </c>
      <c r="E198" s="203" t="s">
        <v>9</v>
      </c>
      <c r="F198" s="202" t="s">
        <v>1135</v>
      </c>
      <c r="G198" s="202" t="s">
        <v>12</v>
      </c>
      <c r="H198" s="202" t="s">
        <v>12</v>
      </c>
      <c r="I198" s="202" t="s">
        <v>12</v>
      </c>
      <c r="J198" s="202" t="s">
        <v>11</v>
      </c>
      <c r="K198" s="245" t="s">
        <v>68</v>
      </c>
      <c r="L198" s="245" t="s">
        <v>68</v>
      </c>
      <c r="M198" s="202" t="s">
        <v>12</v>
      </c>
      <c r="N198" s="202" t="s">
        <v>1136</v>
      </c>
      <c r="O198" s="202" t="s">
        <v>1137</v>
      </c>
      <c r="P198" s="259" t="s">
        <v>1138</v>
      </c>
      <c r="Q198" s="159">
        <v>536</v>
      </c>
      <c r="R198" s="224" t="s">
        <v>1953</v>
      </c>
    </row>
    <row r="199" spans="1:18" s="224" customFormat="1" ht="50.15" customHeight="1">
      <c r="A199" s="121" t="s">
        <v>336</v>
      </c>
      <c r="B199" s="256" t="s">
        <v>1084</v>
      </c>
      <c r="C199" s="122"/>
      <c r="D199" s="203" t="s">
        <v>1134</v>
      </c>
      <c r="E199" s="203" t="s">
        <v>9</v>
      </c>
      <c r="F199" s="202" t="s">
        <v>1135</v>
      </c>
      <c r="G199" s="202" t="s">
        <v>12</v>
      </c>
      <c r="H199" s="202" t="s">
        <v>12</v>
      </c>
      <c r="I199" s="202" t="s">
        <v>12</v>
      </c>
      <c r="J199" s="202" t="s">
        <v>12</v>
      </c>
      <c r="K199" s="202" t="s">
        <v>11</v>
      </c>
      <c r="L199" s="202" t="s">
        <v>11</v>
      </c>
      <c r="M199" s="202" t="s">
        <v>12</v>
      </c>
      <c r="N199" s="202" t="s">
        <v>1136</v>
      </c>
      <c r="O199" s="202" t="s">
        <v>1139</v>
      </c>
      <c r="P199" s="259" t="s">
        <v>1140</v>
      </c>
      <c r="Q199" s="159">
        <v>536</v>
      </c>
      <c r="R199" s="224" t="s">
        <v>1952</v>
      </c>
    </row>
    <row r="200" spans="1:18" s="224" customFormat="1" ht="50.15" customHeight="1">
      <c r="A200" s="121" t="s">
        <v>336</v>
      </c>
      <c r="B200" s="256" t="s">
        <v>1085</v>
      </c>
      <c r="C200" s="158"/>
      <c r="D200" s="202" t="s">
        <v>20</v>
      </c>
      <c r="E200" s="203" t="s">
        <v>9</v>
      </c>
      <c r="F200" s="202" t="s">
        <v>1117</v>
      </c>
      <c r="G200" s="202" t="s">
        <v>12</v>
      </c>
      <c r="H200" s="202" t="s">
        <v>12</v>
      </c>
      <c r="I200" s="202" t="s">
        <v>12</v>
      </c>
      <c r="J200" s="202" t="s">
        <v>12</v>
      </c>
      <c r="K200" s="202" t="s">
        <v>11</v>
      </c>
      <c r="L200" s="202" t="s">
        <v>11</v>
      </c>
      <c r="M200" s="202" t="s">
        <v>12</v>
      </c>
      <c r="N200" s="202" t="s">
        <v>1118</v>
      </c>
      <c r="O200" s="257" t="s">
        <v>1141</v>
      </c>
      <c r="P200" s="202" t="s">
        <v>1142</v>
      </c>
      <c r="Q200" s="159">
        <v>388</v>
      </c>
      <c r="R200" s="224" t="s">
        <v>1953</v>
      </c>
    </row>
    <row r="201" spans="1:18" s="224" customFormat="1" ht="50.15" customHeight="1">
      <c r="A201" s="121" t="s">
        <v>336</v>
      </c>
      <c r="B201" s="256" t="s">
        <v>1086</v>
      </c>
      <c r="C201" s="161"/>
      <c r="D201" s="202" t="s">
        <v>20</v>
      </c>
      <c r="E201" s="203" t="s">
        <v>9</v>
      </c>
      <c r="F201" s="202" t="s">
        <v>10</v>
      </c>
      <c r="G201" s="202" t="s">
        <v>12</v>
      </c>
      <c r="H201" s="202" t="s">
        <v>12</v>
      </c>
      <c r="I201" s="202" t="s">
        <v>12</v>
      </c>
      <c r="J201" s="202" t="s">
        <v>12</v>
      </c>
      <c r="K201" s="202" t="s">
        <v>11</v>
      </c>
      <c r="L201" s="202" t="s">
        <v>11</v>
      </c>
      <c r="M201" s="202" t="s">
        <v>12</v>
      </c>
      <c r="N201" s="202" t="s">
        <v>1118</v>
      </c>
      <c r="O201" s="258"/>
      <c r="P201" s="202" t="s">
        <v>1143</v>
      </c>
      <c r="Q201" s="159">
        <v>388</v>
      </c>
      <c r="R201" s="224" t="s">
        <v>1953</v>
      </c>
    </row>
    <row r="202" spans="1:18" s="224" customFormat="1" ht="50.15" customHeight="1">
      <c r="A202" s="121" t="s">
        <v>336</v>
      </c>
      <c r="B202" s="256" t="s">
        <v>1087</v>
      </c>
      <c r="C202" s="158"/>
      <c r="D202" s="202" t="s">
        <v>1144</v>
      </c>
      <c r="E202" s="203" t="s">
        <v>9</v>
      </c>
      <c r="F202" s="202" t="s">
        <v>14</v>
      </c>
      <c r="G202" s="202" t="s">
        <v>12</v>
      </c>
      <c r="H202" s="202" t="s">
        <v>12</v>
      </c>
      <c r="I202" s="202" t="s">
        <v>12</v>
      </c>
      <c r="J202" s="202" t="s">
        <v>11</v>
      </c>
      <c r="K202" s="202" t="s">
        <v>68</v>
      </c>
      <c r="L202" s="243" t="s">
        <v>68</v>
      </c>
      <c r="M202" s="202" t="s">
        <v>11</v>
      </c>
      <c r="N202" s="202" t="s">
        <v>1122</v>
      </c>
      <c r="O202" s="257" t="s">
        <v>1145</v>
      </c>
      <c r="P202" s="202" t="s">
        <v>1115</v>
      </c>
      <c r="Q202" s="159">
        <v>388</v>
      </c>
      <c r="R202" s="224" t="s">
        <v>1953</v>
      </c>
    </row>
    <row r="203" spans="1:18" s="224" customFormat="1" ht="50.15" customHeight="1">
      <c r="A203" s="121" t="s">
        <v>336</v>
      </c>
      <c r="B203" s="256" t="s">
        <v>1088</v>
      </c>
      <c r="C203" s="161"/>
      <c r="D203" s="202" t="s">
        <v>1146</v>
      </c>
      <c r="E203" s="203" t="s">
        <v>9</v>
      </c>
      <c r="F203" s="202" t="s">
        <v>1147</v>
      </c>
      <c r="G203" s="202" t="s">
        <v>12</v>
      </c>
      <c r="H203" s="202" t="s">
        <v>12</v>
      </c>
      <c r="I203" s="202" t="s">
        <v>12</v>
      </c>
      <c r="J203" s="202" t="s">
        <v>11</v>
      </c>
      <c r="K203" s="202" t="s">
        <v>68</v>
      </c>
      <c r="L203" s="243" t="s">
        <v>68</v>
      </c>
      <c r="M203" s="202" t="s">
        <v>11</v>
      </c>
      <c r="N203" s="202" t="s">
        <v>1122</v>
      </c>
      <c r="O203" s="258"/>
      <c r="P203" s="202" t="s">
        <v>1116</v>
      </c>
      <c r="Q203" s="159">
        <v>388</v>
      </c>
      <c r="R203" s="224" t="s">
        <v>1953</v>
      </c>
    </row>
    <row r="204" spans="1:18" s="224" customFormat="1" ht="50.15" customHeight="1">
      <c r="A204" s="121" t="s">
        <v>336</v>
      </c>
      <c r="B204" s="256" t="s">
        <v>1089</v>
      </c>
      <c r="C204" s="158"/>
      <c r="D204" s="202" t="s">
        <v>1146</v>
      </c>
      <c r="E204" s="203" t="s">
        <v>9</v>
      </c>
      <c r="F204" s="202" t="s">
        <v>1148</v>
      </c>
      <c r="G204" s="202" t="s">
        <v>12</v>
      </c>
      <c r="H204" s="202" t="s">
        <v>12</v>
      </c>
      <c r="I204" s="202" t="s">
        <v>12</v>
      </c>
      <c r="J204" s="202" t="s">
        <v>12</v>
      </c>
      <c r="K204" s="202" t="s">
        <v>11</v>
      </c>
      <c r="L204" s="202" t="s">
        <v>11</v>
      </c>
      <c r="M204" s="202" t="s">
        <v>11</v>
      </c>
      <c r="N204" s="202" t="s">
        <v>1122</v>
      </c>
      <c r="O204" s="257" t="s">
        <v>1149</v>
      </c>
      <c r="P204" s="202" t="s">
        <v>1150</v>
      </c>
      <c r="Q204" s="159">
        <v>388</v>
      </c>
      <c r="R204" s="224" t="s">
        <v>1953</v>
      </c>
    </row>
    <row r="205" spans="1:18" s="224" customFormat="1" ht="50.15" customHeight="1">
      <c r="A205" s="121" t="s">
        <v>336</v>
      </c>
      <c r="B205" s="256" t="s">
        <v>1090</v>
      </c>
      <c r="C205" s="161"/>
      <c r="D205" s="202" t="s">
        <v>1146</v>
      </c>
      <c r="E205" s="203" t="s">
        <v>1151</v>
      </c>
      <c r="F205" s="202" t="s">
        <v>1147</v>
      </c>
      <c r="G205" s="202" t="s">
        <v>12</v>
      </c>
      <c r="H205" s="202" t="s">
        <v>12</v>
      </c>
      <c r="I205" s="202" t="s">
        <v>12</v>
      </c>
      <c r="J205" s="202" t="s">
        <v>12</v>
      </c>
      <c r="K205" s="202" t="s">
        <v>11</v>
      </c>
      <c r="L205" s="202" t="s">
        <v>11</v>
      </c>
      <c r="M205" s="202" t="s">
        <v>11</v>
      </c>
      <c r="N205" s="202" t="s">
        <v>1122</v>
      </c>
      <c r="O205" s="258"/>
      <c r="P205" s="202" t="s">
        <v>1152</v>
      </c>
      <c r="Q205" s="159">
        <v>388</v>
      </c>
      <c r="R205" s="224" t="s">
        <v>1953</v>
      </c>
    </row>
    <row r="206" spans="1:18" s="224" customFormat="1" ht="50.15" customHeight="1">
      <c r="A206" s="121" t="s">
        <v>336</v>
      </c>
      <c r="B206" s="256" t="s">
        <v>1091</v>
      </c>
      <c r="C206" s="122"/>
      <c r="D206" s="203" t="s">
        <v>1146</v>
      </c>
      <c r="E206" s="203" t="s">
        <v>9</v>
      </c>
      <c r="F206" s="202" t="s">
        <v>1135</v>
      </c>
      <c r="G206" s="202" t="s">
        <v>12</v>
      </c>
      <c r="H206" s="202" t="s">
        <v>12</v>
      </c>
      <c r="I206" s="202" t="s">
        <v>12</v>
      </c>
      <c r="J206" s="202" t="s">
        <v>11</v>
      </c>
      <c r="K206" s="245" t="s">
        <v>68</v>
      </c>
      <c r="L206" s="245" t="s">
        <v>68</v>
      </c>
      <c r="M206" s="202" t="s">
        <v>12</v>
      </c>
      <c r="N206" s="202" t="s">
        <v>1131</v>
      </c>
      <c r="O206" s="202" t="s">
        <v>1153</v>
      </c>
      <c r="P206" s="202" t="s">
        <v>1154</v>
      </c>
      <c r="Q206" s="159">
        <v>617</v>
      </c>
      <c r="R206" s="224" t="s">
        <v>1952</v>
      </c>
    </row>
    <row r="207" spans="1:18" s="224" customFormat="1" ht="50.15" customHeight="1">
      <c r="A207" s="121" t="s">
        <v>336</v>
      </c>
      <c r="B207" s="256" t="s">
        <v>1092</v>
      </c>
      <c r="C207" s="122"/>
      <c r="D207" s="203" t="s">
        <v>1146</v>
      </c>
      <c r="E207" s="203" t="s">
        <v>9</v>
      </c>
      <c r="F207" s="202" t="s">
        <v>1135</v>
      </c>
      <c r="G207" s="202" t="s">
        <v>12</v>
      </c>
      <c r="H207" s="202" t="s">
        <v>12</v>
      </c>
      <c r="I207" s="202" t="s">
        <v>12</v>
      </c>
      <c r="J207" s="202" t="s">
        <v>11</v>
      </c>
      <c r="K207" s="245" t="s">
        <v>68</v>
      </c>
      <c r="L207" s="245" t="s">
        <v>68</v>
      </c>
      <c r="M207" s="202" t="s">
        <v>12</v>
      </c>
      <c r="N207" s="202" t="s">
        <v>1136</v>
      </c>
      <c r="O207" s="202" t="s">
        <v>1155</v>
      </c>
      <c r="P207" s="259" t="s">
        <v>1156</v>
      </c>
      <c r="Q207" s="159">
        <v>617</v>
      </c>
      <c r="R207" s="224" t="s">
        <v>1953</v>
      </c>
    </row>
    <row r="208" spans="1:18" s="224" customFormat="1" ht="50.15" customHeight="1">
      <c r="A208" s="121" t="s">
        <v>336</v>
      </c>
      <c r="B208" s="256" t="s">
        <v>1093</v>
      </c>
      <c r="C208" s="122"/>
      <c r="D208" s="203" t="s">
        <v>1146</v>
      </c>
      <c r="E208" s="203" t="s">
        <v>9</v>
      </c>
      <c r="F208" s="202" t="s">
        <v>1135</v>
      </c>
      <c r="G208" s="202" t="s">
        <v>12</v>
      </c>
      <c r="H208" s="202" t="s">
        <v>12</v>
      </c>
      <c r="I208" s="202" t="s">
        <v>12</v>
      </c>
      <c r="J208" s="202" t="s">
        <v>12</v>
      </c>
      <c r="K208" s="202" t="s">
        <v>11</v>
      </c>
      <c r="L208" s="202" t="s">
        <v>11</v>
      </c>
      <c r="M208" s="202" t="s">
        <v>12</v>
      </c>
      <c r="N208" s="202" t="s">
        <v>1136</v>
      </c>
      <c r="O208" s="202" t="s">
        <v>1157</v>
      </c>
      <c r="P208" s="259" t="s">
        <v>1158</v>
      </c>
      <c r="Q208" s="159">
        <v>617</v>
      </c>
      <c r="R208" s="224" t="s">
        <v>1953</v>
      </c>
    </row>
    <row r="209" spans="1:19" s="219" customFormat="1" ht="50.15" customHeight="1">
      <c r="A209" s="115" t="s">
        <v>244</v>
      </c>
      <c r="B209" s="260" t="s">
        <v>327</v>
      </c>
      <c r="C209" s="192"/>
      <c r="D209" s="115" t="s">
        <v>18</v>
      </c>
      <c r="E209" s="115" t="s">
        <v>9</v>
      </c>
      <c r="F209" s="115" t="s">
        <v>10</v>
      </c>
      <c r="G209" s="116" t="s">
        <v>12</v>
      </c>
      <c r="H209" s="116" t="s">
        <v>12</v>
      </c>
      <c r="I209" s="116" t="s">
        <v>12</v>
      </c>
      <c r="J209" s="116" t="s">
        <v>11</v>
      </c>
      <c r="K209" s="261" t="s">
        <v>68</v>
      </c>
      <c r="L209" s="261" t="s">
        <v>68</v>
      </c>
      <c r="M209" s="116" t="s">
        <v>11</v>
      </c>
      <c r="N209" s="116" t="s">
        <v>429</v>
      </c>
      <c r="O209" s="118" t="s">
        <v>485</v>
      </c>
      <c r="P209" s="116" t="s">
        <v>435</v>
      </c>
      <c r="Q209" s="148">
        <v>319</v>
      </c>
      <c r="R209" s="218" t="s">
        <v>1952</v>
      </c>
      <c r="S209" s="218" t="s">
        <v>1954</v>
      </c>
    </row>
    <row r="210" spans="1:19" s="219" customFormat="1" ht="50.15" customHeight="1">
      <c r="A210" s="115" t="s">
        <v>244</v>
      </c>
      <c r="B210" s="260" t="s">
        <v>328</v>
      </c>
      <c r="C210" s="115"/>
      <c r="D210" s="115" t="s">
        <v>18</v>
      </c>
      <c r="E210" s="115" t="s">
        <v>9</v>
      </c>
      <c r="F210" s="116" t="s">
        <v>428</v>
      </c>
      <c r="G210" s="116" t="s">
        <v>12</v>
      </c>
      <c r="H210" s="116" t="s">
        <v>12</v>
      </c>
      <c r="I210" s="116" t="s">
        <v>12</v>
      </c>
      <c r="J210" s="116" t="s">
        <v>11</v>
      </c>
      <c r="K210" s="261" t="s">
        <v>68</v>
      </c>
      <c r="L210" s="261" t="s">
        <v>68</v>
      </c>
      <c r="M210" s="116" t="s">
        <v>11</v>
      </c>
      <c r="N210" s="116" t="s">
        <v>429</v>
      </c>
      <c r="O210" s="116" t="s">
        <v>433</v>
      </c>
      <c r="P210" s="116" t="s">
        <v>434</v>
      </c>
      <c r="Q210" s="148">
        <v>439</v>
      </c>
      <c r="R210" s="218" t="s">
        <v>1952</v>
      </c>
      <c r="S210" s="218" t="s">
        <v>1954</v>
      </c>
    </row>
    <row r="211" spans="1:19" s="263" customFormat="1" ht="50.15" customHeight="1">
      <c r="A211" s="115" t="s">
        <v>244</v>
      </c>
      <c r="B211" s="260" t="s">
        <v>330</v>
      </c>
      <c r="C211" s="192"/>
      <c r="D211" s="116" t="s">
        <v>18</v>
      </c>
      <c r="E211" s="115" t="s">
        <v>9</v>
      </c>
      <c r="F211" s="116" t="s">
        <v>14</v>
      </c>
      <c r="G211" s="116" t="s">
        <v>12</v>
      </c>
      <c r="H211" s="116" t="s">
        <v>12</v>
      </c>
      <c r="I211" s="116" t="s">
        <v>12</v>
      </c>
      <c r="J211" s="116" t="s">
        <v>11</v>
      </c>
      <c r="K211" s="116" t="s">
        <v>68</v>
      </c>
      <c r="L211" s="227" t="s">
        <v>68</v>
      </c>
      <c r="M211" s="116" t="s">
        <v>11</v>
      </c>
      <c r="N211" s="116" t="s">
        <v>432</v>
      </c>
      <c r="O211" s="118" t="s">
        <v>329</v>
      </c>
      <c r="P211" s="116" t="s">
        <v>245</v>
      </c>
      <c r="Q211" s="148">
        <v>319</v>
      </c>
      <c r="R211" s="262" t="s">
        <v>1952</v>
      </c>
      <c r="S211" s="262" t="s">
        <v>1954</v>
      </c>
    </row>
    <row r="212" spans="1:19" s="224" customFormat="1" ht="50.15" customHeight="1">
      <c r="A212" s="115" t="s">
        <v>244</v>
      </c>
      <c r="B212" s="260" t="s">
        <v>331</v>
      </c>
      <c r="C212" s="115"/>
      <c r="D212" s="116" t="s">
        <v>18</v>
      </c>
      <c r="E212" s="115" t="s">
        <v>9</v>
      </c>
      <c r="F212" s="116" t="s">
        <v>428</v>
      </c>
      <c r="G212" s="116" t="s">
        <v>12</v>
      </c>
      <c r="H212" s="116" t="s">
        <v>12</v>
      </c>
      <c r="I212" s="116" t="s">
        <v>12</v>
      </c>
      <c r="J212" s="116" t="s">
        <v>11</v>
      </c>
      <c r="K212" s="116" t="s">
        <v>68</v>
      </c>
      <c r="L212" s="227" t="s">
        <v>68</v>
      </c>
      <c r="M212" s="116" t="s">
        <v>12</v>
      </c>
      <c r="N212" s="116" t="s">
        <v>429</v>
      </c>
      <c r="O212" s="116" t="s">
        <v>430</v>
      </c>
      <c r="P212" s="118" t="s">
        <v>431</v>
      </c>
      <c r="Q212" s="148">
        <v>439</v>
      </c>
      <c r="R212" s="228" t="s">
        <v>1952</v>
      </c>
      <c r="S212" s="228" t="s">
        <v>1954</v>
      </c>
    </row>
    <row r="213" spans="1:19" s="224" customFormat="1" ht="50.15" customHeight="1">
      <c r="A213" s="264" t="s">
        <v>504</v>
      </c>
      <c r="B213" s="265" t="s">
        <v>505</v>
      </c>
      <c r="C213" s="266"/>
      <c r="D213" s="267" t="s">
        <v>506</v>
      </c>
      <c r="E213" s="268" t="s">
        <v>9</v>
      </c>
      <c r="F213" s="267" t="s">
        <v>507</v>
      </c>
      <c r="G213" s="269" t="s">
        <v>12</v>
      </c>
      <c r="H213" s="269" t="s">
        <v>12</v>
      </c>
      <c r="I213" s="269" t="s">
        <v>12</v>
      </c>
      <c r="J213" s="269" t="s">
        <v>11</v>
      </c>
      <c r="K213" s="269" t="s">
        <v>11</v>
      </c>
      <c r="L213" s="269" t="s">
        <v>11</v>
      </c>
      <c r="M213" s="269" t="s">
        <v>12</v>
      </c>
      <c r="N213" s="267" t="s">
        <v>508</v>
      </c>
      <c r="O213" s="269" t="s">
        <v>509</v>
      </c>
      <c r="P213" s="267" t="s">
        <v>510</v>
      </c>
      <c r="Q213" s="148">
        <v>469</v>
      </c>
      <c r="R213" s="228" t="s">
        <v>1952</v>
      </c>
      <c r="S213" s="228" t="s">
        <v>1954</v>
      </c>
    </row>
    <row r="214" spans="1:19" s="270" customFormat="1" ht="50.15" customHeight="1">
      <c r="A214" s="253" t="s">
        <v>486</v>
      </c>
      <c r="B214" s="254"/>
      <c r="C214" s="254"/>
      <c r="D214" s="254"/>
      <c r="E214" s="254"/>
      <c r="F214" s="254"/>
      <c r="G214" s="254"/>
      <c r="H214" s="254"/>
      <c r="I214" s="254"/>
      <c r="J214" s="254"/>
      <c r="K214" s="254"/>
      <c r="L214" s="254"/>
      <c r="M214" s="254"/>
      <c r="N214" s="254"/>
      <c r="O214" s="254"/>
      <c r="P214" s="254"/>
      <c r="Q214" s="255"/>
      <c r="R214" s="493"/>
      <c r="S214" s="493"/>
    </row>
    <row r="215" spans="1:19" s="270" customFormat="1" ht="50.15" customHeight="1">
      <c r="A215" s="42" t="s">
        <v>1755</v>
      </c>
      <c r="B215" s="53" t="s">
        <v>1496</v>
      </c>
      <c r="C215" s="209"/>
      <c r="D215" s="170" t="s">
        <v>386</v>
      </c>
      <c r="E215" s="235" t="s">
        <v>9</v>
      </c>
      <c r="F215" s="170" t="s">
        <v>1176</v>
      </c>
      <c r="G215" s="95" t="s">
        <v>12</v>
      </c>
      <c r="H215" s="95" t="s">
        <v>12</v>
      </c>
      <c r="I215" s="95" t="s">
        <v>12</v>
      </c>
      <c r="J215" s="95" t="s">
        <v>11</v>
      </c>
      <c r="K215" s="95" t="s">
        <v>68</v>
      </c>
      <c r="L215" s="173" t="s">
        <v>68</v>
      </c>
      <c r="M215" s="95" t="s">
        <v>1178</v>
      </c>
      <c r="N215" s="170" t="s">
        <v>1179</v>
      </c>
      <c r="O215" s="95" t="s">
        <v>1180</v>
      </c>
      <c r="P215" s="213" t="s">
        <v>1181</v>
      </c>
      <c r="Q215" s="114">
        <v>456</v>
      </c>
      <c r="R215" s="270" t="s">
        <v>1953</v>
      </c>
    </row>
    <row r="216" spans="1:19" s="270" customFormat="1" ht="50.15" customHeight="1">
      <c r="A216" s="42" t="s">
        <v>1755</v>
      </c>
      <c r="B216" s="53" t="s">
        <v>889</v>
      </c>
      <c r="C216" s="214"/>
      <c r="D216" s="170" t="s">
        <v>1182</v>
      </c>
      <c r="E216" s="235" t="s">
        <v>9</v>
      </c>
      <c r="F216" s="170" t="s">
        <v>1183</v>
      </c>
      <c r="G216" s="95" t="s">
        <v>12</v>
      </c>
      <c r="H216" s="95" t="s">
        <v>12</v>
      </c>
      <c r="I216" s="95" t="s">
        <v>12</v>
      </c>
      <c r="J216" s="95" t="s">
        <v>11</v>
      </c>
      <c r="K216" s="95" t="s">
        <v>68</v>
      </c>
      <c r="L216" s="173" t="s">
        <v>68</v>
      </c>
      <c r="M216" s="95" t="s">
        <v>1178</v>
      </c>
      <c r="N216" s="170" t="s">
        <v>1179</v>
      </c>
      <c r="O216" s="95" t="s">
        <v>1184</v>
      </c>
      <c r="P216" s="213" t="s">
        <v>1185</v>
      </c>
      <c r="Q216" s="114">
        <v>456</v>
      </c>
      <c r="R216" s="270" t="s">
        <v>1953</v>
      </c>
    </row>
    <row r="217" spans="1:19" s="270" customFormat="1" ht="50.15" customHeight="1">
      <c r="A217" s="42" t="s">
        <v>1755</v>
      </c>
      <c r="B217" s="53" t="s">
        <v>1679</v>
      </c>
      <c r="C217" s="209"/>
      <c r="D217" s="170" t="s">
        <v>1872</v>
      </c>
      <c r="E217" s="76" t="s">
        <v>9</v>
      </c>
      <c r="F217" s="75" t="s">
        <v>1680</v>
      </c>
      <c r="G217" s="77" t="s">
        <v>12</v>
      </c>
      <c r="H217" s="77" t="s">
        <v>12</v>
      </c>
      <c r="I217" s="77" t="s">
        <v>12</v>
      </c>
      <c r="J217" s="77" t="s">
        <v>12</v>
      </c>
      <c r="K217" s="78" t="s">
        <v>68</v>
      </c>
      <c r="L217" s="78" t="s">
        <v>68</v>
      </c>
      <c r="M217" s="77" t="s">
        <v>12</v>
      </c>
      <c r="N217" s="75" t="s">
        <v>1540</v>
      </c>
      <c r="O217" s="81" t="s">
        <v>1681</v>
      </c>
      <c r="P217" s="271" t="s">
        <v>1682</v>
      </c>
      <c r="Q217" s="114">
        <v>456</v>
      </c>
      <c r="R217" s="270" t="s">
        <v>1953</v>
      </c>
    </row>
    <row r="218" spans="1:19" s="270" customFormat="1" ht="50.15" customHeight="1">
      <c r="A218" s="42" t="s">
        <v>1755</v>
      </c>
      <c r="B218" s="53" t="s">
        <v>1465</v>
      </c>
      <c r="C218" s="214"/>
      <c r="D218" s="170" t="s">
        <v>386</v>
      </c>
      <c r="E218" s="76" t="s">
        <v>9</v>
      </c>
      <c r="F218" s="75" t="s">
        <v>1176</v>
      </c>
      <c r="G218" s="77" t="s">
        <v>12</v>
      </c>
      <c r="H218" s="77" t="s">
        <v>12</v>
      </c>
      <c r="I218" s="77" t="s">
        <v>12</v>
      </c>
      <c r="J218" s="77" t="s">
        <v>12</v>
      </c>
      <c r="K218" s="78" t="s">
        <v>68</v>
      </c>
      <c r="L218" s="78" t="s">
        <v>68</v>
      </c>
      <c r="M218" s="77" t="s">
        <v>12</v>
      </c>
      <c r="N218" s="75" t="s">
        <v>1540</v>
      </c>
      <c r="O218" s="81" t="s">
        <v>1683</v>
      </c>
      <c r="P218" s="271" t="s">
        <v>1684</v>
      </c>
      <c r="Q218" s="114">
        <v>456</v>
      </c>
      <c r="R218" s="270" t="s">
        <v>1953</v>
      </c>
    </row>
    <row r="219" spans="1:19" s="270" customFormat="1" ht="50.15" customHeight="1">
      <c r="A219" s="42" t="s">
        <v>1755</v>
      </c>
      <c r="B219" s="53" t="s">
        <v>1753</v>
      </c>
      <c r="C219" s="272" t="s">
        <v>1737</v>
      </c>
      <c r="D219" s="170" t="s">
        <v>1872</v>
      </c>
      <c r="E219" s="76" t="s">
        <v>9</v>
      </c>
      <c r="F219" s="75" t="s">
        <v>48</v>
      </c>
      <c r="G219" s="77" t="s">
        <v>12</v>
      </c>
      <c r="H219" s="77" t="s">
        <v>12</v>
      </c>
      <c r="I219" s="77" t="s">
        <v>12</v>
      </c>
      <c r="J219" s="77" t="s">
        <v>12</v>
      </c>
      <c r="K219" s="77" t="s">
        <v>68</v>
      </c>
      <c r="L219" s="78" t="s">
        <v>68</v>
      </c>
      <c r="M219" s="77" t="s">
        <v>12</v>
      </c>
      <c r="N219" s="75" t="s">
        <v>1674</v>
      </c>
      <c r="O219" s="135" t="s">
        <v>1675</v>
      </c>
      <c r="P219" s="79" t="s">
        <v>1676</v>
      </c>
      <c r="Q219" s="114">
        <v>673</v>
      </c>
      <c r="R219" s="270" t="s">
        <v>1953</v>
      </c>
    </row>
    <row r="220" spans="1:19" s="270" customFormat="1" ht="50.15" customHeight="1">
      <c r="A220" s="42" t="s">
        <v>1755</v>
      </c>
      <c r="B220" s="53" t="s">
        <v>1673</v>
      </c>
      <c r="C220" s="272" t="s">
        <v>1946</v>
      </c>
      <c r="D220" s="170" t="s">
        <v>1872</v>
      </c>
      <c r="E220" s="76" t="s">
        <v>9</v>
      </c>
      <c r="F220" s="75" t="s">
        <v>48</v>
      </c>
      <c r="G220" s="77" t="s">
        <v>12</v>
      </c>
      <c r="H220" s="77" t="s">
        <v>12</v>
      </c>
      <c r="I220" s="77" t="s">
        <v>12</v>
      </c>
      <c r="J220" s="77" t="s">
        <v>12</v>
      </c>
      <c r="K220" s="78" t="s">
        <v>68</v>
      </c>
      <c r="L220" s="78" t="s">
        <v>68</v>
      </c>
      <c r="M220" s="77" t="s">
        <v>12</v>
      </c>
      <c r="N220" s="75" t="s">
        <v>1677</v>
      </c>
      <c r="O220" s="135" t="s">
        <v>1675</v>
      </c>
      <c r="P220" s="79" t="s">
        <v>1678</v>
      </c>
      <c r="Q220" s="114">
        <v>673</v>
      </c>
      <c r="R220" s="270" t="s">
        <v>1953</v>
      </c>
    </row>
    <row r="221" spans="1:19" s="270" customFormat="1" ht="50.15" customHeight="1">
      <c r="A221" s="42" t="s">
        <v>1755</v>
      </c>
      <c r="B221" s="53" t="s">
        <v>1747</v>
      </c>
      <c r="C221" s="272"/>
      <c r="D221" s="170" t="s">
        <v>386</v>
      </c>
      <c r="E221" s="76" t="s">
        <v>9</v>
      </c>
      <c r="F221" s="135" t="s">
        <v>10</v>
      </c>
      <c r="G221" s="77" t="s">
        <v>12</v>
      </c>
      <c r="H221" s="77" t="s">
        <v>12</v>
      </c>
      <c r="I221" s="77" t="s">
        <v>12</v>
      </c>
      <c r="J221" s="77" t="s">
        <v>12</v>
      </c>
      <c r="K221" s="78" t="s">
        <v>68</v>
      </c>
      <c r="L221" s="78" t="s">
        <v>68</v>
      </c>
      <c r="M221" s="136" t="s">
        <v>11</v>
      </c>
      <c r="N221" s="75" t="s">
        <v>1685</v>
      </c>
      <c r="O221" s="135" t="s">
        <v>1686</v>
      </c>
      <c r="P221" s="79" t="s">
        <v>1687</v>
      </c>
      <c r="Q221" s="159">
        <v>505</v>
      </c>
      <c r="R221" s="270" t="s">
        <v>1952</v>
      </c>
    </row>
    <row r="222" spans="1:19" s="82" customFormat="1" ht="50.15" customHeight="1">
      <c r="A222" s="42" t="s">
        <v>1755</v>
      </c>
      <c r="B222" s="80" t="s">
        <v>1466</v>
      </c>
      <c r="C222" s="107"/>
      <c r="D222" s="231" t="s">
        <v>447</v>
      </c>
      <c r="E222" s="273" t="s">
        <v>9</v>
      </c>
      <c r="F222" s="231" t="s">
        <v>464</v>
      </c>
      <c r="G222" s="52" t="s">
        <v>12</v>
      </c>
      <c r="H222" s="52" t="s">
        <v>12</v>
      </c>
      <c r="I222" s="52" t="s">
        <v>12</v>
      </c>
      <c r="J222" s="52" t="s">
        <v>11</v>
      </c>
      <c r="K222" s="52" t="s">
        <v>68</v>
      </c>
      <c r="L222" s="52" t="s">
        <v>68</v>
      </c>
      <c r="M222" s="52" t="s">
        <v>11</v>
      </c>
      <c r="N222" s="231" t="s">
        <v>678</v>
      </c>
      <c r="O222" s="52" t="s">
        <v>679</v>
      </c>
      <c r="P222" s="53" t="s">
        <v>680</v>
      </c>
      <c r="Q222" s="114">
        <v>422</v>
      </c>
      <c r="R222" s="82" t="s">
        <v>1952</v>
      </c>
    </row>
    <row r="223" spans="1:19" s="82" customFormat="1" ht="50.15" customHeight="1">
      <c r="A223" s="42" t="s">
        <v>1755</v>
      </c>
      <c r="B223" s="80" t="s">
        <v>1498</v>
      </c>
      <c r="C223" s="108"/>
      <c r="D223" s="231" t="s">
        <v>655</v>
      </c>
      <c r="E223" s="273" t="s">
        <v>9</v>
      </c>
      <c r="F223" s="231" t="s">
        <v>681</v>
      </c>
      <c r="G223" s="52" t="s">
        <v>12</v>
      </c>
      <c r="H223" s="52" t="s">
        <v>12</v>
      </c>
      <c r="I223" s="52" t="s">
        <v>12</v>
      </c>
      <c r="J223" s="52" t="s">
        <v>11</v>
      </c>
      <c r="K223" s="52" t="s">
        <v>68</v>
      </c>
      <c r="L223" s="52" t="s">
        <v>68</v>
      </c>
      <c r="M223" s="52" t="s">
        <v>11</v>
      </c>
      <c r="N223" s="231" t="s">
        <v>678</v>
      </c>
      <c r="O223" s="52" t="s">
        <v>682</v>
      </c>
      <c r="P223" s="53" t="s">
        <v>683</v>
      </c>
      <c r="Q223" s="114">
        <v>422</v>
      </c>
      <c r="R223" s="82" t="s">
        <v>1952</v>
      </c>
    </row>
    <row r="224" spans="1:19" s="82" customFormat="1" ht="50.15" customHeight="1">
      <c r="A224" s="42" t="s">
        <v>1755</v>
      </c>
      <c r="B224" s="80" t="s">
        <v>1499</v>
      </c>
      <c r="C224" s="107"/>
      <c r="D224" s="231" t="s">
        <v>655</v>
      </c>
      <c r="E224" s="273" t="s">
        <v>9</v>
      </c>
      <c r="F224" s="231" t="s">
        <v>684</v>
      </c>
      <c r="G224" s="52" t="s">
        <v>12</v>
      </c>
      <c r="H224" s="52" t="s">
        <v>12</v>
      </c>
      <c r="I224" s="52" t="s">
        <v>12</v>
      </c>
      <c r="J224" s="52" t="s">
        <v>12</v>
      </c>
      <c r="K224" s="52" t="s">
        <v>11</v>
      </c>
      <c r="L224" s="52" t="s">
        <v>11</v>
      </c>
      <c r="M224" s="52" t="s">
        <v>11</v>
      </c>
      <c r="N224" s="231" t="s">
        <v>678</v>
      </c>
      <c r="O224" s="52" t="s">
        <v>685</v>
      </c>
      <c r="P224" s="53" t="s">
        <v>686</v>
      </c>
      <c r="Q224" s="114">
        <v>422</v>
      </c>
      <c r="R224" s="82" t="s">
        <v>1952</v>
      </c>
    </row>
    <row r="225" spans="1:19" s="82" customFormat="1" ht="50.15" customHeight="1">
      <c r="A225" s="42" t="s">
        <v>1755</v>
      </c>
      <c r="B225" s="80" t="s">
        <v>687</v>
      </c>
      <c r="C225" s="108"/>
      <c r="D225" s="231" t="s">
        <v>655</v>
      </c>
      <c r="E225" s="273" t="s">
        <v>9</v>
      </c>
      <c r="F225" s="231" t="s">
        <v>688</v>
      </c>
      <c r="G225" s="52" t="s">
        <v>12</v>
      </c>
      <c r="H225" s="52" t="s">
        <v>12</v>
      </c>
      <c r="I225" s="52" t="s">
        <v>12</v>
      </c>
      <c r="J225" s="52" t="s">
        <v>12</v>
      </c>
      <c r="K225" s="52" t="s">
        <v>11</v>
      </c>
      <c r="L225" s="52" t="s">
        <v>11</v>
      </c>
      <c r="M225" s="52" t="s">
        <v>11</v>
      </c>
      <c r="N225" s="231" t="s">
        <v>678</v>
      </c>
      <c r="O225" s="52" t="s">
        <v>689</v>
      </c>
      <c r="P225" s="53" t="s">
        <v>690</v>
      </c>
      <c r="Q225" s="114">
        <v>422</v>
      </c>
      <c r="R225" s="82" t="s">
        <v>1952</v>
      </c>
    </row>
    <row r="226" spans="1:19" s="82" customFormat="1" ht="50.15" customHeight="1">
      <c r="A226" s="42" t="s">
        <v>1754</v>
      </c>
      <c r="B226" s="80" t="s">
        <v>1876</v>
      </c>
      <c r="C226" s="274"/>
      <c r="D226" s="75" t="s">
        <v>21</v>
      </c>
      <c r="E226" s="273"/>
      <c r="F226" s="231"/>
      <c r="G226" s="52"/>
      <c r="H226" s="52"/>
      <c r="I226" s="52"/>
      <c r="J226" s="52"/>
      <c r="K226" s="52"/>
      <c r="L226" s="52"/>
      <c r="M226" s="52"/>
      <c r="N226" s="231"/>
      <c r="O226" s="52"/>
      <c r="P226" s="53"/>
      <c r="Q226" s="114">
        <v>482</v>
      </c>
      <c r="R226" s="82" t="s">
        <v>1953</v>
      </c>
    </row>
    <row r="227" spans="1:19" s="82" customFormat="1" ht="50.15" customHeight="1">
      <c r="A227" s="42" t="s">
        <v>1755</v>
      </c>
      <c r="B227" s="80" t="s">
        <v>1791</v>
      </c>
      <c r="C227" s="274"/>
      <c r="D227" s="75" t="s">
        <v>21</v>
      </c>
      <c r="E227" s="273"/>
      <c r="F227" s="231"/>
      <c r="G227" s="52"/>
      <c r="H227" s="52"/>
      <c r="I227" s="52"/>
      <c r="J227" s="52"/>
      <c r="K227" s="52"/>
      <c r="L227" s="52"/>
      <c r="M227" s="52"/>
      <c r="N227" s="231"/>
      <c r="O227" s="52"/>
      <c r="P227" s="53"/>
      <c r="Q227" s="114">
        <v>482</v>
      </c>
      <c r="R227" s="82" t="s">
        <v>1953</v>
      </c>
    </row>
    <row r="228" spans="1:19" s="82" customFormat="1" ht="50.15" customHeight="1">
      <c r="A228" s="42" t="s">
        <v>1755</v>
      </c>
      <c r="B228" s="80" t="s">
        <v>1877</v>
      </c>
      <c r="C228" s="274"/>
      <c r="D228" s="75" t="s">
        <v>21</v>
      </c>
      <c r="E228" s="273"/>
      <c r="F228" s="231"/>
      <c r="G228" s="52"/>
      <c r="H228" s="52"/>
      <c r="I228" s="52"/>
      <c r="J228" s="52"/>
      <c r="K228" s="52"/>
      <c r="L228" s="52"/>
      <c r="M228" s="52"/>
      <c r="N228" s="231"/>
      <c r="O228" s="52"/>
      <c r="P228" s="53"/>
      <c r="Q228" s="114">
        <v>482</v>
      </c>
      <c r="R228" s="82" t="s">
        <v>1953</v>
      </c>
    </row>
    <row r="229" spans="1:19" s="82" customFormat="1" ht="50.15" customHeight="1">
      <c r="A229" s="42" t="s">
        <v>1755</v>
      </c>
      <c r="B229" s="80" t="s">
        <v>1790</v>
      </c>
      <c r="C229" s="274"/>
      <c r="D229" s="75" t="s">
        <v>21</v>
      </c>
      <c r="E229" s="273"/>
      <c r="F229" s="231"/>
      <c r="G229" s="52"/>
      <c r="H229" s="52"/>
      <c r="I229" s="52"/>
      <c r="J229" s="52"/>
      <c r="K229" s="52"/>
      <c r="L229" s="52"/>
      <c r="M229" s="52"/>
      <c r="N229" s="231"/>
      <c r="O229" s="52"/>
      <c r="P229" s="53"/>
      <c r="Q229" s="114">
        <v>482</v>
      </c>
      <c r="R229" s="82" t="s">
        <v>1953</v>
      </c>
    </row>
    <row r="230" spans="1:19" s="82" customFormat="1" ht="50.15" customHeight="1">
      <c r="A230" s="42" t="s">
        <v>1755</v>
      </c>
      <c r="B230" s="80" t="s">
        <v>1688</v>
      </c>
      <c r="C230" s="107"/>
      <c r="D230" s="75" t="s">
        <v>21</v>
      </c>
      <c r="E230" s="76" t="s">
        <v>9</v>
      </c>
      <c r="F230" s="75" t="s">
        <v>1176</v>
      </c>
      <c r="G230" s="77" t="s">
        <v>12</v>
      </c>
      <c r="H230" s="77" t="s">
        <v>12</v>
      </c>
      <c r="I230" s="77" t="s">
        <v>12</v>
      </c>
      <c r="J230" s="77" t="s">
        <v>12</v>
      </c>
      <c r="K230" s="77" t="s">
        <v>68</v>
      </c>
      <c r="L230" s="78" t="s">
        <v>68</v>
      </c>
      <c r="M230" s="77" t="s">
        <v>11</v>
      </c>
      <c r="N230" s="75" t="s">
        <v>1689</v>
      </c>
      <c r="O230" s="81" t="s">
        <v>1690</v>
      </c>
      <c r="P230" s="79" t="s">
        <v>1691</v>
      </c>
      <c r="Q230" s="114">
        <v>571</v>
      </c>
      <c r="R230" s="82" t="s">
        <v>1953</v>
      </c>
    </row>
    <row r="231" spans="1:19" s="82" customFormat="1" ht="50.15" customHeight="1">
      <c r="A231" s="42" t="s">
        <v>1755</v>
      </c>
      <c r="B231" s="80" t="s">
        <v>1580</v>
      </c>
      <c r="C231" s="108"/>
      <c r="D231" s="75" t="s">
        <v>21</v>
      </c>
      <c r="E231" s="76" t="s">
        <v>9</v>
      </c>
      <c r="F231" s="75" t="s">
        <v>1692</v>
      </c>
      <c r="G231" s="77" t="s">
        <v>12</v>
      </c>
      <c r="H231" s="77" t="s">
        <v>12</v>
      </c>
      <c r="I231" s="77" t="s">
        <v>12</v>
      </c>
      <c r="J231" s="77" t="s">
        <v>12</v>
      </c>
      <c r="K231" s="77" t="s">
        <v>68</v>
      </c>
      <c r="L231" s="78" t="s">
        <v>68</v>
      </c>
      <c r="M231" s="77" t="s">
        <v>11</v>
      </c>
      <c r="N231" s="75" t="s">
        <v>1689</v>
      </c>
      <c r="O231" s="81" t="s">
        <v>1693</v>
      </c>
      <c r="P231" s="79" t="s">
        <v>1694</v>
      </c>
      <c r="Q231" s="114">
        <v>571</v>
      </c>
      <c r="R231" s="82" t="s">
        <v>1953</v>
      </c>
    </row>
    <row r="232" spans="1:19" s="82" customFormat="1" ht="50.15" customHeight="1">
      <c r="A232" s="42" t="s">
        <v>1755</v>
      </c>
      <c r="B232" s="80" t="s">
        <v>1578</v>
      </c>
      <c r="C232" s="107"/>
      <c r="D232" s="75" t="s">
        <v>21</v>
      </c>
      <c r="E232" s="76" t="s">
        <v>9</v>
      </c>
      <c r="F232" s="75" t="s">
        <v>1680</v>
      </c>
      <c r="G232" s="77" t="s">
        <v>12</v>
      </c>
      <c r="H232" s="77" t="s">
        <v>12</v>
      </c>
      <c r="I232" s="77" t="s">
        <v>12</v>
      </c>
      <c r="J232" s="77" t="s">
        <v>12</v>
      </c>
      <c r="K232" s="77" t="s">
        <v>68</v>
      </c>
      <c r="L232" s="78" t="s">
        <v>68</v>
      </c>
      <c r="M232" s="77" t="s">
        <v>12</v>
      </c>
      <c r="N232" s="75" t="s">
        <v>1540</v>
      </c>
      <c r="O232" s="81" t="s">
        <v>1695</v>
      </c>
      <c r="P232" s="79" t="s">
        <v>1696</v>
      </c>
      <c r="Q232" s="114">
        <v>571</v>
      </c>
      <c r="R232" s="82" t="s">
        <v>1952</v>
      </c>
    </row>
    <row r="233" spans="1:19" s="82" customFormat="1" ht="50.15" customHeight="1">
      <c r="A233" s="42" t="s">
        <v>1755</v>
      </c>
      <c r="B233" s="80" t="s">
        <v>1579</v>
      </c>
      <c r="C233" s="108"/>
      <c r="D233" s="75" t="s">
        <v>21</v>
      </c>
      <c r="E233" s="76" t="s">
        <v>9</v>
      </c>
      <c r="F233" s="75" t="s">
        <v>1176</v>
      </c>
      <c r="G233" s="77" t="s">
        <v>12</v>
      </c>
      <c r="H233" s="77" t="s">
        <v>12</v>
      </c>
      <c r="I233" s="77" t="s">
        <v>12</v>
      </c>
      <c r="J233" s="77" t="s">
        <v>12</v>
      </c>
      <c r="K233" s="77" t="s">
        <v>68</v>
      </c>
      <c r="L233" s="78" t="s">
        <v>68</v>
      </c>
      <c r="M233" s="77" t="s">
        <v>12</v>
      </c>
      <c r="N233" s="75" t="s">
        <v>1540</v>
      </c>
      <c r="O233" s="81" t="s">
        <v>1697</v>
      </c>
      <c r="P233" s="79" t="s">
        <v>1698</v>
      </c>
      <c r="Q233" s="114">
        <v>571</v>
      </c>
      <c r="R233" s="82" t="s">
        <v>1953</v>
      </c>
    </row>
    <row r="234" spans="1:19" s="270" customFormat="1" ht="50.15" customHeight="1">
      <c r="A234" s="253" t="s">
        <v>1658</v>
      </c>
      <c r="B234" s="254"/>
      <c r="C234" s="254"/>
      <c r="D234" s="254"/>
      <c r="E234" s="254"/>
      <c r="F234" s="254"/>
      <c r="G234" s="254"/>
      <c r="H234" s="254"/>
      <c r="I234" s="254"/>
      <c r="J234" s="254"/>
      <c r="K234" s="254"/>
      <c r="L234" s="254"/>
      <c r="M234" s="254"/>
      <c r="N234" s="254"/>
      <c r="O234" s="254"/>
      <c r="P234" s="254"/>
      <c r="Q234" s="255"/>
      <c r="R234" s="493"/>
      <c r="S234" s="493"/>
    </row>
    <row r="235" spans="1:19" s="270" customFormat="1" ht="50.15" customHeight="1">
      <c r="A235" s="42" t="s">
        <v>463</v>
      </c>
      <c r="B235" s="53" t="s">
        <v>888</v>
      </c>
      <c r="C235" s="275"/>
      <c r="D235" s="170" t="s">
        <v>407</v>
      </c>
      <c r="E235" s="235" t="s">
        <v>9</v>
      </c>
      <c r="F235" s="170" t="s">
        <v>953</v>
      </c>
      <c r="G235" s="95" t="s">
        <v>12</v>
      </c>
      <c r="H235" s="95" t="s">
        <v>12</v>
      </c>
      <c r="I235" s="95" t="s">
        <v>12</v>
      </c>
      <c r="J235" s="95" t="s">
        <v>390</v>
      </c>
      <c r="K235" s="173" t="s">
        <v>954</v>
      </c>
      <c r="L235" s="173" t="s">
        <v>955</v>
      </c>
      <c r="M235" s="95" t="s">
        <v>12</v>
      </c>
      <c r="N235" s="170" t="s">
        <v>956</v>
      </c>
      <c r="O235" s="95" t="s">
        <v>957</v>
      </c>
      <c r="P235" s="213" t="s">
        <v>958</v>
      </c>
      <c r="Q235" s="159">
        <v>685</v>
      </c>
      <c r="R235" s="270" t="s">
        <v>1953</v>
      </c>
    </row>
    <row r="236" spans="1:19" s="82" customFormat="1" ht="50.15" customHeight="1">
      <c r="A236" s="42" t="s">
        <v>463</v>
      </c>
      <c r="B236" s="53" t="s">
        <v>1037</v>
      </c>
      <c r="C236" s="107"/>
      <c r="D236" s="170" t="s">
        <v>1175</v>
      </c>
      <c r="E236" s="235" t="s">
        <v>9</v>
      </c>
      <c r="F236" s="95" t="s">
        <v>1186</v>
      </c>
      <c r="G236" s="95" t="s">
        <v>12</v>
      </c>
      <c r="H236" s="95" t="s">
        <v>12</v>
      </c>
      <c r="I236" s="95" t="s">
        <v>12</v>
      </c>
      <c r="J236" s="95" t="s">
        <v>12</v>
      </c>
      <c r="K236" s="173" t="s">
        <v>1187</v>
      </c>
      <c r="L236" s="173" t="s">
        <v>1188</v>
      </c>
      <c r="M236" s="95" t="s">
        <v>1177</v>
      </c>
      <c r="N236" s="170" t="s">
        <v>1189</v>
      </c>
      <c r="O236" s="95" t="s">
        <v>1190</v>
      </c>
      <c r="P236" s="213" t="s">
        <v>1191</v>
      </c>
      <c r="Q236" s="159">
        <v>1257</v>
      </c>
      <c r="R236" s="82" t="s">
        <v>1953</v>
      </c>
    </row>
    <row r="237" spans="1:19" s="82" customFormat="1" ht="50.15" customHeight="1">
      <c r="A237" s="42" t="s">
        <v>463</v>
      </c>
      <c r="B237" s="53" t="s">
        <v>1040</v>
      </c>
      <c r="C237" s="108"/>
      <c r="D237" s="170" t="s">
        <v>1192</v>
      </c>
      <c r="E237" s="235" t="s">
        <v>9</v>
      </c>
      <c r="F237" s="95" t="s">
        <v>1193</v>
      </c>
      <c r="G237" s="95" t="s">
        <v>12</v>
      </c>
      <c r="H237" s="95" t="s">
        <v>12</v>
      </c>
      <c r="I237" s="95" t="s">
        <v>12</v>
      </c>
      <c r="J237" s="95" t="s">
        <v>12</v>
      </c>
      <c r="K237" s="173" t="s">
        <v>1187</v>
      </c>
      <c r="L237" s="173" t="s">
        <v>1188</v>
      </c>
      <c r="M237" s="95" t="s">
        <v>1177</v>
      </c>
      <c r="N237" s="170" t="s">
        <v>1189</v>
      </c>
      <c r="O237" s="95" t="s">
        <v>1194</v>
      </c>
      <c r="P237" s="213" t="s">
        <v>1195</v>
      </c>
      <c r="Q237" s="159">
        <v>1600</v>
      </c>
      <c r="R237" s="82" t="s">
        <v>1953</v>
      </c>
    </row>
    <row r="238" spans="1:19" s="82" customFormat="1" ht="50.15" customHeight="1">
      <c r="A238" s="42" t="s">
        <v>1053</v>
      </c>
      <c r="B238" s="53" t="s">
        <v>1056</v>
      </c>
      <c r="C238" s="107"/>
      <c r="D238" s="170" t="s">
        <v>18</v>
      </c>
      <c r="E238" s="235" t="s">
        <v>9</v>
      </c>
      <c r="F238" s="95" t="s">
        <v>1196</v>
      </c>
      <c r="G238" s="95" t="s">
        <v>12</v>
      </c>
      <c r="H238" s="95" t="s">
        <v>12</v>
      </c>
      <c r="I238" s="95" t="s">
        <v>12</v>
      </c>
      <c r="J238" s="95" t="s">
        <v>12</v>
      </c>
      <c r="K238" s="173" t="s">
        <v>1197</v>
      </c>
      <c r="L238" s="173" t="s">
        <v>1198</v>
      </c>
      <c r="M238" s="95" t="s">
        <v>1094</v>
      </c>
      <c r="N238" s="170" t="s">
        <v>1199</v>
      </c>
      <c r="O238" s="95" t="s">
        <v>1200</v>
      </c>
      <c r="P238" s="213" t="s">
        <v>1201</v>
      </c>
      <c r="Q238" s="159">
        <v>1257</v>
      </c>
      <c r="R238" s="82" t="s">
        <v>1953</v>
      </c>
    </row>
    <row r="239" spans="1:19" s="82" customFormat="1" ht="50.15" customHeight="1">
      <c r="A239" s="42" t="s">
        <v>1053</v>
      </c>
      <c r="B239" s="53" t="s">
        <v>1057</v>
      </c>
      <c r="C239" s="108"/>
      <c r="D239" s="170" t="s">
        <v>1202</v>
      </c>
      <c r="E239" s="235" t="s">
        <v>9</v>
      </c>
      <c r="F239" s="95" t="s">
        <v>1196</v>
      </c>
      <c r="G239" s="95" t="s">
        <v>12</v>
      </c>
      <c r="H239" s="95" t="s">
        <v>12</v>
      </c>
      <c r="I239" s="95" t="s">
        <v>12</v>
      </c>
      <c r="J239" s="95" t="s">
        <v>12</v>
      </c>
      <c r="K239" s="173" t="s">
        <v>1197</v>
      </c>
      <c r="L239" s="173" t="s">
        <v>1198</v>
      </c>
      <c r="M239" s="95" t="s">
        <v>1094</v>
      </c>
      <c r="N239" s="170" t="s">
        <v>1199</v>
      </c>
      <c r="O239" s="170" t="s">
        <v>1962</v>
      </c>
      <c r="P239" s="213" t="s">
        <v>1203</v>
      </c>
      <c r="Q239" s="159">
        <v>1600</v>
      </c>
      <c r="R239" s="82" t="s">
        <v>1953</v>
      </c>
    </row>
    <row r="240" spans="1:19" s="82" customFormat="1" ht="50.15" customHeight="1">
      <c r="A240" s="42" t="s">
        <v>1053</v>
      </c>
      <c r="B240" s="53" t="s">
        <v>1054</v>
      </c>
      <c r="C240" s="107"/>
      <c r="D240" s="170" t="s">
        <v>18</v>
      </c>
      <c r="E240" s="235" t="s">
        <v>9</v>
      </c>
      <c r="F240" s="95" t="s">
        <v>1196</v>
      </c>
      <c r="G240" s="95" t="s">
        <v>12</v>
      </c>
      <c r="H240" s="95" t="s">
        <v>12</v>
      </c>
      <c r="I240" s="95" t="s">
        <v>12</v>
      </c>
      <c r="J240" s="95" t="s">
        <v>12</v>
      </c>
      <c r="K240" s="173" t="s">
        <v>1197</v>
      </c>
      <c r="L240" s="173" t="s">
        <v>1198</v>
      </c>
      <c r="M240" s="95" t="s">
        <v>1094</v>
      </c>
      <c r="N240" s="170" t="s">
        <v>1199</v>
      </c>
      <c r="O240" s="95" t="s">
        <v>1204</v>
      </c>
      <c r="P240" s="213" t="s">
        <v>1205</v>
      </c>
      <c r="Q240" s="159">
        <v>1257</v>
      </c>
      <c r="R240" s="82" t="s">
        <v>1953</v>
      </c>
    </row>
    <row r="241" spans="1:19" s="82" customFormat="1" ht="50.15" customHeight="1">
      <c r="A241" s="42" t="s">
        <v>1053</v>
      </c>
      <c r="B241" s="53" t="s">
        <v>1055</v>
      </c>
      <c r="C241" s="108"/>
      <c r="D241" s="170" t="s">
        <v>1202</v>
      </c>
      <c r="E241" s="235" t="s">
        <v>9</v>
      </c>
      <c r="F241" s="95" t="s">
        <v>1196</v>
      </c>
      <c r="G241" s="95" t="s">
        <v>12</v>
      </c>
      <c r="H241" s="95" t="s">
        <v>12</v>
      </c>
      <c r="I241" s="95" t="s">
        <v>12</v>
      </c>
      <c r="J241" s="95" t="s">
        <v>12</v>
      </c>
      <c r="K241" s="173" t="s">
        <v>1197</v>
      </c>
      <c r="L241" s="173" t="s">
        <v>1198</v>
      </c>
      <c r="M241" s="95" t="s">
        <v>1094</v>
      </c>
      <c r="N241" s="170" t="s">
        <v>1199</v>
      </c>
      <c r="O241" s="170" t="s">
        <v>1963</v>
      </c>
      <c r="P241" s="213" t="s">
        <v>1206</v>
      </c>
      <c r="Q241" s="159">
        <v>1600</v>
      </c>
      <c r="R241" s="82" t="s">
        <v>1953</v>
      </c>
    </row>
    <row r="242" spans="1:19" s="270" customFormat="1" ht="50.15" customHeight="1">
      <c r="A242" s="276" t="s">
        <v>337</v>
      </c>
      <c r="B242" s="277"/>
      <c r="C242" s="277"/>
      <c r="D242" s="277"/>
      <c r="E242" s="277"/>
      <c r="F242" s="277"/>
      <c r="G242" s="277"/>
      <c r="H242" s="277"/>
      <c r="I242" s="277"/>
      <c r="J242" s="277"/>
      <c r="K242" s="277"/>
      <c r="L242" s="277"/>
      <c r="M242" s="277"/>
      <c r="N242" s="277"/>
      <c r="O242" s="277"/>
      <c r="P242" s="277"/>
      <c r="Q242" s="278"/>
      <c r="R242" s="493"/>
      <c r="S242" s="493"/>
    </row>
    <row r="243" spans="1:19" s="57" customFormat="1" ht="50.15" customHeight="1">
      <c r="A243" s="42" t="s">
        <v>692</v>
      </c>
      <c r="B243" s="52" t="s">
        <v>696</v>
      </c>
      <c r="C243" s="42"/>
      <c r="D243" s="42" t="s">
        <v>697</v>
      </c>
      <c r="E243" s="42" t="s">
        <v>9</v>
      </c>
      <c r="F243" s="52" t="s">
        <v>698</v>
      </c>
      <c r="G243" s="52" t="s">
        <v>12</v>
      </c>
      <c r="H243" s="52" t="s">
        <v>12</v>
      </c>
      <c r="I243" s="52" t="s">
        <v>12</v>
      </c>
      <c r="J243" s="52" t="s">
        <v>11</v>
      </c>
      <c r="K243" s="173" t="s">
        <v>699</v>
      </c>
      <c r="L243" s="173" t="s">
        <v>699</v>
      </c>
      <c r="M243" s="52" t="s">
        <v>12</v>
      </c>
      <c r="N243" s="52" t="s">
        <v>700</v>
      </c>
      <c r="O243" s="52" t="s">
        <v>701</v>
      </c>
      <c r="P243" s="52" t="s">
        <v>439</v>
      </c>
      <c r="Q243" s="159">
        <v>731</v>
      </c>
      <c r="R243" s="57" t="s">
        <v>1952</v>
      </c>
      <c r="S243" s="57" t="s">
        <v>1954</v>
      </c>
    </row>
    <row r="244" spans="1:19" s="57" customFormat="1" ht="50.15" customHeight="1">
      <c r="A244" s="42" t="s">
        <v>436</v>
      </c>
      <c r="B244" s="52" t="s">
        <v>440</v>
      </c>
      <c r="C244" s="42"/>
      <c r="D244" s="42" t="s">
        <v>407</v>
      </c>
      <c r="E244" s="42" t="s">
        <v>9</v>
      </c>
      <c r="F244" s="52" t="s">
        <v>437</v>
      </c>
      <c r="G244" s="52" t="s">
        <v>12</v>
      </c>
      <c r="H244" s="52" t="s">
        <v>12</v>
      </c>
      <c r="I244" s="52" t="s">
        <v>12</v>
      </c>
      <c r="J244" s="52" t="s">
        <v>11</v>
      </c>
      <c r="K244" s="173" t="s">
        <v>438</v>
      </c>
      <c r="L244" s="173" t="s">
        <v>438</v>
      </c>
      <c r="M244" s="52" t="s">
        <v>12</v>
      </c>
      <c r="N244" s="52" t="s">
        <v>441</v>
      </c>
      <c r="O244" s="52" t="s">
        <v>442</v>
      </c>
      <c r="P244" s="52" t="s">
        <v>443</v>
      </c>
      <c r="Q244" s="159">
        <v>731</v>
      </c>
      <c r="R244" s="57" t="s">
        <v>1952</v>
      </c>
    </row>
    <row r="245" spans="1:19" s="127" customFormat="1" ht="50.15" customHeight="1">
      <c r="A245" s="115" t="s">
        <v>436</v>
      </c>
      <c r="B245" s="116" t="s">
        <v>527</v>
      </c>
      <c r="C245" s="115"/>
      <c r="D245" s="115" t="s">
        <v>691</v>
      </c>
      <c r="E245" s="115"/>
      <c r="F245" s="116"/>
      <c r="G245" s="116"/>
      <c r="H245" s="116"/>
      <c r="I245" s="116"/>
      <c r="J245" s="116"/>
      <c r="K245" s="227"/>
      <c r="L245" s="227"/>
      <c r="M245" s="116"/>
      <c r="N245" s="116"/>
      <c r="O245" s="116"/>
      <c r="P245" s="116"/>
      <c r="Q245" s="148">
        <v>799</v>
      </c>
      <c r="R245" s="128" t="s">
        <v>1952</v>
      </c>
      <c r="S245" s="128" t="s">
        <v>1954</v>
      </c>
    </row>
    <row r="246" spans="1:19" s="127" customFormat="1" ht="50.15" customHeight="1">
      <c r="A246" s="115" t="s">
        <v>436</v>
      </c>
      <c r="B246" s="116" t="s">
        <v>444</v>
      </c>
      <c r="C246" s="115"/>
      <c r="D246" s="115" t="s">
        <v>407</v>
      </c>
      <c r="E246" s="115" t="s">
        <v>9</v>
      </c>
      <c r="F246" s="116" t="s">
        <v>437</v>
      </c>
      <c r="G246" s="116" t="s">
        <v>12</v>
      </c>
      <c r="H246" s="116" t="s">
        <v>12</v>
      </c>
      <c r="I246" s="116" t="s">
        <v>12</v>
      </c>
      <c r="J246" s="116" t="s">
        <v>12</v>
      </c>
      <c r="K246" s="227" t="s">
        <v>438</v>
      </c>
      <c r="L246" s="227" t="s">
        <v>438</v>
      </c>
      <c r="M246" s="116" t="s">
        <v>12</v>
      </c>
      <c r="N246" s="116" t="s">
        <v>441</v>
      </c>
      <c r="O246" s="116" t="s">
        <v>445</v>
      </c>
      <c r="P246" s="116" t="s">
        <v>446</v>
      </c>
      <c r="Q246" s="153">
        <v>685</v>
      </c>
      <c r="R246" s="128" t="s">
        <v>1952</v>
      </c>
      <c r="S246" s="128" t="s">
        <v>1954</v>
      </c>
    </row>
    <row r="247" spans="1:19" s="74" customFormat="1" ht="50.15" customHeight="1">
      <c r="A247" s="42" t="s">
        <v>692</v>
      </c>
      <c r="B247" s="53" t="s">
        <v>693</v>
      </c>
      <c r="C247" s="133"/>
      <c r="D247" s="279" t="s">
        <v>18</v>
      </c>
      <c r="E247" s="186" t="s">
        <v>9</v>
      </c>
      <c r="F247" s="81" t="s">
        <v>10</v>
      </c>
      <c r="G247" s="77" t="s">
        <v>12</v>
      </c>
      <c r="H247" s="77" t="s">
        <v>12</v>
      </c>
      <c r="I247" s="77" t="s">
        <v>12</v>
      </c>
      <c r="J247" s="77" t="s">
        <v>11</v>
      </c>
      <c r="K247" s="78" t="s">
        <v>954</v>
      </c>
      <c r="L247" s="78" t="s">
        <v>954</v>
      </c>
      <c r="M247" s="77" t="s">
        <v>12</v>
      </c>
      <c r="N247" s="81" t="s">
        <v>1864</v>
      </c>
      <c r="O247" s="81" t="s">
        <v>1865</v>
      </c>
      <c r="P247" s="81" t="s">
        <v>1866</v>
      </c>
      <c r="Q247" s="114">
        <v>560</v>
      </c>
      <c r="R247" s="74" t="s">
        <v>1953</v>
      </c>
    </row>
    <row r="248" spans="1:19" s="74" customFormat="1" ht="50.15" customHeight="1">
      <c r="A248" s="42" t="s">
        <v>692</v>
      </c>
      <c r="B248" s="53" t="s">
        <v>1863</v>
      </c>
      <c r="C248" s="139"/>
      <c r="D248" s="279" t="s">
        <v>18</v>
      </c>
      <c r="E248" s="186" t="s">
        <v>9</v>
      </c>
      <c r="F248" s="81" t="s">
        <v>15</v>
      </c>
      <c r="G248" s="77" t="s">
        <v>12</v>
      </c>
      <c r="H248" s="77" t="s">
        <v>12</v>
      </c>
      <c r="I248" s="77" t="s">
        <v>12</v>
      </c>
      <c r="J248" s="77" t="s">
        <v>11</v>
      </c>
      <c r="K248" s="78" t="s">
        <v>954</v>
      </c>
      <c r="L248" s="78" t="s">
        <v>954</v>
      </c>
      <c r="M248" s="77" t="s">
        <v>12</v>
      </c>
      <c r="N248" s="81" t="s">
        <v>1864</v>
      </c>
      <c r="O248" s="81" t="s">
        <v>1865</v>
      </c>
      <c r="P248" s="81" t="s">
        <v>1867</v>
      </c>
      <c r="Q248" s="114">
        <v>560</v>
      </c>
      <c r="R248" s="74" t="s">
        <v>1953</v>
      </c>
    </row>
    <row r="249" spans="1:19" s="74" customFormat="1" ht="50.15" customHeight="1">
      <c r="A249" s="42" t="s">
        <v>692</v>
      </c>
      <c r="B249" s="53" t="s">
        <v>694</v>
      </c>
      <c r="C249" s="133"/>
      <c r="D249" s="279" t="s">
        <v>18</v>
      </c>
      <c r="E249" s="186" t="s">
        <v>9</v>
      </c>
      <c r="F249" s="81" t="s">
        <v>14</v>
      </c>
      <c r="G249" s="77" t="s">
        <v>12</v>
      </c>
      <c r="H249" s="77" t="s">
        <v>12</v>
      </c>
      <c r="I249" s="77" t="s">
        <v>12</v>
      </c>
      <c r="J249" s="77" t="s">
        <v>11</v>
      </c>
      <c r="K249" s="78" t="s">
        <v>954</v>
      </c>
      <c r="L249" s="78" t="s">
        <v>954</v>
      </c>
      <c r="M249" s="77" t="s">
        <v>12</v>
      </c>
      <c r="N249" s="81" t="s">
        <v>986</v>
      </c>
      <c r="O249" s="81" t="s">
        <v>1868</v>
      </c>
      <c r="P249" s="81" t="s">
        <v>1869</v>
      </c>
      <c r="Q249" s="114">
        <v>560</v>
      </c>
      <c r="R249" s="74" t="s">
        <v>1953</v>
      </c>
    </row>
    <row r="250" spans="1:19" s="74" customFormat="1" ht="50.15" customHeight="1">
      <c r="A250" s="42" t="s">
        <v>692</v>
      </c>
      <c r="B250" s="53" t="s">
        <v>695</v>
      </c>
      <c r="C250" s="139"/>
      <c r="D250" s="279" t="s">
        <v>18</v>
      </c>
      <c r="E250" s="186" t="s">
        <v>9</v>
      </c>
      <c r="F250" s="81" t="s">
        <v>10</v>
      </c>
      <c r="G250" s="77" t="s">
        <v>12</v>
      </c>
      <c r="H250" s="77" t="s">
        <v>12</v>
      </c>
      <c r="I250" s="77" t="s">
        <v>12</v>
      </c>
      <c r="J250" s="77" t="s">
        <v>11</v>
      </c>
      <c r="K250" s="78" t="s">
        <v>954</v>
      </c>
      <c r="L250" s="78" t="s">
        <v>954</v>
      </c>
      <c r="M250" s="77" t="s">
        <v>12</v>
      </c>
      <c r="N250" s="81" t="s">
        <v>1870</v>
      </c>
      <c r="O250" s="81" t="s">
        <v>1868</v>
      </c>
      <c r="P250" s="81" t="s">
        <v>1871</v>
      </c>
      <c r="Q250" s="114">
        <v>560</v>
      </c>
      <c r="R250" s="74" t="s">
        <v>1953</v>
      </c>
    </row>
    <row r="251" spans="1:19" s="50" customFormat="1" ht="50.15" customHeight="1">
      <c r="A251" s="280" t="s">
        <v>500</v>
      </c>
      <c r="B251" s="281"/>
      <c r="C251" s="281"/>
      <c r="D251" s="281"/>
      <c r="E251" s="281"/>
      <c r="F251" s="281"/>
      <c r="G251" s="281"/>
      <c r="H251" s="281"/>
      <c r="I251" s="281"/>
      <c r="J251" s="281"/>
      <c r="K251" s="281"/>
      <c r="L251" s="281"/>
      <c r="M251" s="281"/>
      <c r="N251" s="281"/>
      <c r="O251" s="281"/>
      <c r="P251" s="281"/>
      <c r="Q251" s="282"/>
      <c r="R251" s="125"/>
      <c r="S251" s="125"/>
    </row>
    <row r="252" spans="1:19" s="74" customFormat="1" ht="50.15" customHeight="1">
      <c r="A252" s="43" t="s">
        <v>512</v>
      </c>
      <c r="B252" s="53" t="s">
        <v>1207</v>
      </c>
      <c r="C252" s="53" t="s">
        <v>1038</v>
      </c>
      <c r="D252" s="95" t="s">
        <v>1209</v>
      </c>
      <c r="E252" s="43" t="s">
        <v>9</v>
      </c>
      <c r="F252" s="95" t="s">
        <v>1210</v>
      </c>
      <c r="G252" s="95" t="s">
        <v>12</v>
      </c>
      <c r="H252" s="95" t="s">
        <v>12</v>
      </c>
      <c r="I252" s="95" t="s">
        <v>12</v>
      </c>
      <c r="J252" s="95" t="s">
        <v>12</v>
      </c>
      <c r="K252" s="95" t="s">
        <v>68</v>
      </c>
      <c r="L252" s="173" t="s">
        <v>70</v>
      </c>
      <c r="M252" s="95" t="s">
        <v>12</v>
      </c>
      <c r="N252" s="95" t="s">
        <v>1211</v>
      </c>
      <c r="O252" s="95" t="s">
        <v>1212</v>
      </c>
      <c r="P252" s="95" t="s">
        <v>1213</v>
      </c>
      <c r="Q252" s="159">
        <v>1829</v>
      </c>
      <c r="R252" s="74" t="s">
        <v>1952</v>
      </c>
    </row>
    <row r="253" spans="1:19" s="74" customFormat="1" ht="50.15" customHeight="1">
      <c r="A253" s="43" t="s">
        <v>512</v>
      </c>
      <c r="B253" s="53" t="s">
        <v>1039</v>
      </c>
      <c r="C253" s="53" t="s">
        <v>1038</v>
      </c>
      <c r="D253" s="95" t="s">
        <v>18</v>
      </c>
      <c r="E253" s="43" t="s">
        <v>9</v>
      </c>
      <c r="F253" s="95" t="s">
        <v>1214</v>
      </c>
      <c r="G253" s="95" t="s">
        <v>12</v>
      </c>
      <c r="H253" s="95" t="s">
        <v>12</v>
      </c>
      <c r="I253" s="95" t="s">
        <v>12</v>
      </c>
      <c r="J253" s="95" t="s">
        <v>12</v>
      </c>
      <c r="K253" s="95" t="s">
        <v>68</v>
      </c>
      <c r="L253" s="173" t="s">
        <v>70</v>
      </c>
      <c r="M253" s="95" t="s">
        <v>12</v>
      </c>
      <c r="N253" s="95" t="s">
        <v>1215</v>
      </c>
      <c r="O253" s="95" t="s">
        <v>1216</v>
      </c>
      <c r="P253" s="95" t="s">
        <v>1217</v>
      </c>
      <c r="Q253" s="159">
        <v>2859</v>
      </c>
      <c r="R253" s="74" t="s">
        <v>1952</v>
      </c>
    </row>
    <row r="254" spans="1:19" s="74" customFormat="1" ht="50.15" customHeight="1">
      <c r="A254" s="43" t="s">
        <v>512</v>
      </c>
      <c r="B254" s="43" t="s">
        <v>1208</v>
      </c>
      <c r="C254" s="53"/>
      <c r="D254" s="95" t="s">
        <v>1192</v>
      </c>
      <c r="E254" s="43" t="s">
        <v>1218</v>
      </c>
      <c r="F254" s="43" t="s">
        <v>1219</v>
      </c>
      <c r="G254" s="95" t="s">
        <v>12</v>
      </c>
      <c r="H254" s="95" t="s">
        <v>12</v>
      </c>
      <c r="I254" s="95" t="s">
        <v>11</v>
      </c>
      <c r="J254" s="95" t="s">
        <v>11</v>
      </c>
      <c r="K254" s="95" t="s">
        <v>68</v>
      </c>
      <c r="L254" s="173" t="s">
        <v>1188</v>
      </c>
      <c r="M254" s="95" t="s">
        <v>12</v>
      </c>
      <c r="N254" s="95" t="s">
        <v>1220</v>
      </c>
      <c r="O254" s="95" t="s">
        <v>1221</v>
      </c>
      <c r="P254" s="95" t="s">
        <v>1222</v>
      </c>
      <c r="Q254" s="159">
        <v>1600</v>
      </c>
      <c r="R254" s="74" t="s">
        <v>1953</v>
      </c>
    </row>
    <row r="255" spans="1:19" s="150" customFormat="1" ht="50.15" customHeight="1">
      <c r="A255" s="264" t="s">
        <v>512</v>
      </c>
      <c r="B255" s="283" t="s">
        <v>561</v>
      </c>
      <c r="C255" s="144"/>
      <c r="D255" s="144"/>
      <c r="E255" s="144"/>
      <c r="F255" s="146"/>
      <c r="G255" s="116"/>
      <c r="H255" s="116"/>
      <c r="I255" s="116"/>
      <c r="J255" s="116"/>
      <c r="K255" s="116"/>
      <c r="L255" s="116"/>
      <c r="M255" s="116"/>
      <c r="N255" s="146"/>
      <c r="O255" s="116"/>
      <c r="P255" s="116"/>
      <c r="Q255" s="153">
        <v>2515</v>
      </c>
      <c r="R255" s="149" t="s">
        <v>1952</v>
      </c>
      <c r="S255" s="149" t="s">
        <v>1954</v>
      </c>
    </row>
    <row r="256" spans="1:19" s="150" customFormat="1" ht="50.15" customHeight="1">
      <c r="A256" s="264" t="s">
        <v>512</v>
      </c>
      <c r="B256" s="269" t="s">
        <v>560</v>
      </c>
      <c r="C256" s="144"/>
      <c r="D256" s="144"/>
      <c r="E256" s="144"/>
      <c r="F256" s="146"/>
      <c r="G256" s="116"/>
      <c r="H256" s="116"/>
      <c r="I256" s="116"/>
      <c r="J256" s="116"/>
      <c r="K256" s="116"/>
      <c r="L256" s="116"/>
      <c r="M256" s="116"/>
      <c r="N256" s="146"/>
      <c r="O256" s="116"/>
      <c r="P256" s="116"/>
      <c r="Q256" s="153">
        <v>1629</v>
      </c>
      <c r="R256" s="149" t="s">
        <v>1952</v>
      </c>
      <c r="S256" s="149" t="s">
        <v>1954</v>
      </c>
    </row>
    <row r="257" spans="1:18" s="74" customFormat="1" ht="50.15" customHeight="1">
      <c r="A257" s="43" t="s">
        <v>512</v>
      </c>
      <c r="B257" s="95" t="s">
        <v>1756</v>
      </c>
      <c r="C257" s="53"/>
      <c r="D257" s="53"/>
      <c r="E257" s="53"/>
      <c r="F257" s="138"/>
      <c r="G257" s="52"/>
      <c r="H257" s="52"/>
      <c r="I257" s="52"/>
      <c r="J257" s="52"/>
      <c r="K257" s="52"/>
      <c r="L257" s="52"/>
      <c r="M257" s="52"/>
      <c r="N257" s="138"/>
      <c r="O257" s="52"/>
      <c r="P257" s="52" t="s">
        <v>1421</v>
      </c>
      <c r="Q257" s="159">
        <v>2859</v>
      </c>
      <c r="R257" s="74" t="s">
        <v>1952</v>
      </c>
    </row>
    <row r="258" spans="1:18" s="74" customFormat="1" ht="50.15" customHeight="1">
      <c r="A258" s="43" t="s">
        <v>512</v>
      </c>
      <c r="B258" s="95" t="s">
        <v>1422</v>
      </c>
      <c r="C258" s="53"/>
      <c r="D258" s="95" t="s">
        <v>18</v>
      </c>
      <c r="E258" s="43" t="s">
        <v>9</v>
      </c>
      <c r="F258" s="95" t="s">
        <v>48</v>
      </c>
      <c r="G258" s="95" t="s">
        <v>12</v>
      </c>
      <c r="H258" s="95" t="s">
        <v>12</v>
      </c>
      <c r="I258" s="95" t="s">
        <v>12</v>
      </c>
      <c r="J258" s="95" t="s">
        <v>11</v>
      </c>
      <c r="K258" s="95" t="s">
        <v>68</v>
      </c>
      <c r="L258" s="173" t="s">
        <v>70</v>
      </c>
      <c r="M258" s="95" t="s">
        <v>12</v>
      </c>
      <c r="N258" s="95" t="s">
        <v>984</v>
      </c>
      <c r="O258" s="95" t="s">
        <v>1656</v>
      </c>
      <c r="P258" s="95" t="s">
        <v>985</v>
      </c>
      <c r="Q258" s="159">
        <v>4117</v>
      </c>
      <c r="R258" s="74" t="s">
        <v>1952</v>
      </c>
    </row>
    <row r="259" spans="1:18" s="74" customFormat="1" ht="50.15" customHeight="1">
      <c r="A259" s="43" t="s">
        <v>512</v>
      </c>
      <c r="B259" s="95" t="s">
        <v>1423</v>
      </c>
      <c r="C259" s="53"/>
      <c r="D259" s="95" t="s">
        <v>18</v>
      </c>
      <c r="E259" s="43" t="s">
        <v>9</v>
      </c>
      <c r="F259" s="95" t="s">
        <v>48</v>
      </c>
      <c r="G259" s="95" t="s">
        <v>12</v>
      </c>
      <c r="H259" s="95" t="s">
        <v>12</v>
      </c>
      <c r="I259" s="95" t="s">
        <v>12</v>
      </c>
      <c r="J259" s="95" t="s">
        <v>11</v>
      </c>
      <c r="K259" s="95" t="s">
        <v>68</v>
      </c>
      <c r="L259" s="95" t="s">
        <v>68</v>
      </c>
      <c r="M259" s="95" t="s">
        <v>12</v>
      </c>
      <c r="N259" s="95" t="s">
        <v>986</v>
      </c>
      <c r="O259" s="95" t="s">
        <v>987</v>
      </c>
      <c r="P259" s="95" t="s">
        <v>988</v>
      </c>
      <c r="Q259" s="159">
        <v>4117</v>
      </c>
      <c r="R259" s="74" t="s">
        <v>1953</v>
      </c>
    </row>
    <row r="260" spans="1:18" s="74" customFormat="1" ht="50.15" customHeight="1">
      <c r="A260" s="43" t="s">
        <v>512</v>
      </c>
      <c r="B260" s="95" t="s">
        <v>1424</v>
      </c>
      <c r="C260" s="53"/>
      <c r="D260" s="95" t="s">
        <v>21</v>
      </c>
      <c r="E260" s="43" t="s">
        <v>9</v>
      </c>
      <c r="F260" s="95" t="s">
        <v>48</v>
      </c>
      <c r="G260" s="95" t="s">
        <v>12</v>
      </c>
      <c r="H260" s="95" t="s">
        <v>12</v>
      </c>
      <c r="I260" s="95" t="s">
        <v>12</v>
      </c>
      <c r="J260" s="95" t="s">
        <v>11</v>
      </c>
      <c r="K260" s="95" t="s">
        <v>68</v>
      </c>
      <c r="L260" s="173" t="s">
        <v>70</v>
      </c>
      <c r="M260" s="95" t="s">
        <v>12</v>
      </c>
      <c r="N260" s="95" t="s">
        <v>984</v>
      </c>
      <c r="O260" s="95" t="s">
        <v>989</v>
      </c>
      <c r="P260" s="95" t="s">
        <v>990</v>
      </c>
      <c r="Q260" s="159">
        <v>4574</v>
      </c>
      <c r="R260" s="74" t="s">
        <v>1953</v>
      </c>
    </row>
    <row r="261" spans="1:18" s="74" customFormat="1" ht="50.15" customHeight="1">
      <c r="A261" s="43" t="s">
        <v>512</v>
      </c>
      <c r="B261" s="95" t="s">
        <v>1964</v>
      </c>
      <c r="C261" s="53"/>
      <c r="D261" s="95" t="s">
        <v>21</v>
      </c>
      <c r="E261" s="43" t="s">
        <v>9</v>
      </c>
      <c r="F261" s="95" t="s">
        <v>48</v>
      </c>
      <c r="G261" s="95" t="s">
        <v>12</v>
      </c>
      <c r="H261" s="95" t="s">
        <v>12</v>
      </c>
      <c r="I261" s="95" t="s">
        <v>12</v>
      </c>
      <c r="J261" s="95" t="s">
        <v>11</v>
      </c>
      <c r="K261" s="95" t="s">
        <v>68</v>
      </c>
      <c r="L261" s="95" t="s">
        <v>68</v>
      </c>
      <c r="M261" s="173" t="s">
        <v>12</v>
      </c>
      <c r="N261" s="95" t="s">
        <v>984</v>
      </c>
      <c r="O261" s="95" t="s">
        <v>991</v>
      </c>
      <c r="P261" s="95" t="s">
        <v>992</v>
      </c>
      <c r="Q261" s="159">
        <v>4574</v>
      </c>
      <c r="R261" s="74" t="s">
        <v>1953</v>
      </c>
    </row>
    <row r="262" spans="1:18" s="74" customFormat="1" ht="50.15" customHeight="1">
      <c r="A262" s="43" t="s">
        <v>512</v>
      </c>
      <c r="B262" s="95" t="s">
        <v>511</v>
      </c>
      <c r="C262" s="284"/>
      <c r="D262" s="95" t="s">
        <v>1425</v>
      </c>
      <c r="E262" s="43" t="s">
        <v>9</v>
      </c>
      <c r="F262" s="95" t="s">
        <v>513</v>
      </c>
      <c r="G262" s="95" t="s">
        <v>12</v>
      </c>
      <c r="H262" s="95" t="s">
        <v>12</v>
      </c>
      <c r="I262" s="95" t="s">
        <v>514</v>
      </c>
      <c r="J262" s="95" t="s">
        <v>11</v>
      </c>
      <c r="K262" s="95" t="s">
        <v>68</v>
      </c>
      <c r="L262" s="173" t="s">
        <v>70</v>
      </c>
      <c r="M262" s="173" t="s">
        <v>12</v>
      </c>
      <c r="N262" s="95" t="s">
        <v>515</v>
      </c>
      <c r="O262" s="95" t="s">
        <v>1426</v>
      </c>
      <c r="P262" s="95" t="s">
        <v>516</v>
      </c>
      <c r="Q262" s="159">
        <v>1600</v>
      </c>
      <c r="R262" s="74" t="s">
        <v>1952</v>
      </c>
    </row>
    <row r="263" spans="1:18" s="74" customFormat="1" ht="50.15" customHeight="1">
      <c r="A263" s="43" t="s">
        <v>512</v>
      </c>
      <c r="B263" s="95" t="s">
        <v>1427</v>
      </c>
      <c r="C263" s="285"/>
      <c r="D263" s="43" t="s">
        <v>1428</v>
      </c>
      <c r="E263" s="43" t="s">
        <v>9</v>
      </c>
      <c r="F263" s="43" t="s">
        <v>1429</v>
      </c>
      <c r="G263" s="95" t="s">
        <v>11</v>
      </c>
      <c r="H263" s="95" t="s">
        <v>12</v>
      </c>
      <c r="I263" s="43" t="s">
        <v>67</v>
      </c>
      <c r="J263" s="95" t="s">
        <v>11</v>
      </c>
      <c r="K263" s="95" t="s">
        <v>68</v>
      </c>
      <c r="L263" s="241" t="s">
        <v>70</v>
      </c>
      <c r="M263" s="95" t="s">
        <v>12</v>
      </c>
      <c r="N263" s="95" t="s">
        <v>1430</v>
      </c>
      <c r="O263" s="95" t="s">
        <v>1431</v>
      </c>
      <c r="P263" s="95" t="s">
        <v>522</v>
      </c>
      <c r="Q263" s="159">
        <v>6405</v>
      </c>
      <c r="R263" s="74" t="s">
        <v>1952</v>
      </c>
    </row>
    <row r="264" spans="1:18" s="74" customFormat="1" ht="50.15" customHeight="1">
      <c r="A264" s="43" t="s">
        <v>512</v>
      </c>
      <c r="B264" s="95" t="s">
        <v>1432</v>
      </c>
      <c r="C264" s="286"/>
      <c r="D264" s="43" t="s">
        <v>1428</v>
      </c>
      <c r="E264" s="43" t="s">
        <v>9</v>
      </c>
      <c r="F264" s="43" t="s">
        <v>1429</v>
      </c>
      <c r="G264" s="95" t="s">
        <v>12</v>
      </c>
      <c r="H264" s="95" t="s">
        <v>12</v>
      </c>
      <c r="I264" s="43" t="s">
        <v>67</v>
      </c>
      <c r="J264" s="95" t="s">
        <v>11</v>
      </c>
      <c r="K264" s="95" t="s">
        <v>68</v>
      </c>
      <c r="L264" s="241" t="s">
        <v>70</v>
      </c>
      <c r="M264" s="95" t="s">
        <v>12</v>
      </c>
      <c r="N264" s="95" t="s">
        <v>1433</v>
      </c>
      <c r="O264" s="95" t="s">
        <v>1434</v>
      </c>
      <c r="P264" s="95" t="s">
        <v>1435</v>
      </c>
      <c r="Q264" s="159">
        <v>6290</v>
      </c>
      <c r="R264" s="74" t="s">
        <v>1952</v>
      </c>
    </row>
    <row r="265" spans="1:18" s="74" customFormat="1" ht="50.15" customHeight="1">
      <c r="A265" s="43" t="s">
        <v>1711</v>
      </c>
      <c r="B265" s="43" t="s">
        <v>1730</v>
      </c>
      <c r="C265" s="83"/>
      <c r="D265" s="43" t="s">
        <v>1713</v>
      </c>
      <c r="E265" s="43" t="s">
        <v>1714</v>
      </c>
      <c r="F265" s="43" t="s">
        <v>1715</v>
      </c>
      <c r="G265" s="43" t="s">
        <v>1716</v>
      </c>
      <c r="H265" s="43" t="s">
        <v>1716</v>
      </c>
      <c r="I265" s="43" t="s">
        <v>1717</v>
      </c>
      <c r="J265" s="43" t="s">
        <v>1718</v>
      </c>
      <c r="K265" s="43" t="s">
        <v>1719</v>
      </c>
      <c r="L265" s="43" t="s">
        <v>1719</v>
      </c>
      <c r="M265" s="43" t="s">
        <v>1719</v>
      </c>
      <c r="N265" s="43" t="s">
        <v>1720</v>
      </c>
      <c r="O265" s="95" t="s">
        <v>1728</v>
      </c>
      <c r="P265" s="43" t="s">
        <v>1721</v>
      </c>
      <c r="Q265" s="159">
        <v>1836</v>
      </c>
      <c r="R265" s="74" t="s">
        <v>1952</v>
      </c>
    </row>
    <row r="266" spans="1:18" s="74" customFormat="1" ht="50.15" customHeight="1">
      <c r="A266" s="43" t="s">
        <v>1712</v>
      </c>
      <c r="B266" s="43" t="s">
        <v>1731</v>
      </c>
      <c r="C266" s="83"/>
      <c r="D266" s="43" t="s">
        <v>1722</v>
      </c>
      <c r="E266" s="43" t="s">
        <v>1723</v>
      </c>
      <c r="F266" s="43" t="s">
        <v>1724</v>
      </c>
      <c r="G266" s="43" t="s">
        <v>1719</v>
      </c>
      <c r="H266" s="43" t="s">
        <v>1719</v>
      </c>
      <c r="I266" s="43" t="s">
        <v>1725</v>
      </c>
      <c r="J266" s="43" t="s">
        <v>1718</v>
      </c>
      <c r="K266" s="43" t="s">
        <v>1719</v>
      </c>
      <c r="L266" s="43" t="s">
        <v>1719</v>
      </c>
      <c r="M266" s="43" t="s">
        <v>1719</v>
      </c>
      <c r="N266" s="43" t="s">
        <v>1726</v>
      </c>
      <c r="O266" s="95" t="s">
        <v>1729</v>
      </c>
      <c r="P266" s="43" t="s">
        <v>1727</v>
      </c>
      <c r="Q266" s="159">
        <v>1836</v>
      </c>
      <c r="R266" s="74" t="s">
        <v>1952</v>
      </c>
    </row>
    <row r="267" spans="1:18" s="74" customFormat="1" ht="50.15" customHeight="1">
      <c r="A267" s="53" t="s">
        <v>1497</v>
      </c>
      <c r="B267" s="53" t="s">
        <v>1485</v>
      </c>
      <c r="C267" s="53"/>
      <c r="D267" s="287" t="s">
        <v>1541</v>
      </c>
      <c r="E267" s="288" t="s">
        <v>1542</v>
      </c>
      <c r="F267" s="287" t="s">
        <v>1543</v>
      </c>
      <c r="G267" s="288" t="s">
        <v>1539</v>
      </c>
      <c r="H267" s="288" t="s">
        <v>1544</v>
      </c>
      <c r="I267" s="288" t="s">
        <v>1545</v>
      </c>
      <c r="J267" s="287" t="s">
        <v>1546</v>
      </c>
      <c r="K267" s="241" t="s">
        <v>1547</v>
      </c>
      <c r="L267" s="241" t="s">
        <v>1548</v>
      </c>
      <c r="M267" s="288" t="s">
        <v>390</v>
      </c>
      <c r="N267" s="287" t="s">
        <v>1549</v>
      </c>
      <c r="O267" s="287" t="s">
        <v>1550</v>
      </c>
      <c r="P267" s="289" t="s">
        <v>1551</v>
      </c>
      <c r="Q267" s="159">
        <v>2281</v>
      </c>
      <c r="R267" s="74" t="s">
        <v>1952</v>
      </c>
    </row>
  </sheetData>
  <autoFilter ref="A1:R267"/>
  <mergeCells count="137">
    <mergeCell ref="C247:C248"/>
    <mergeCell ref="C249:C250"/>
    <mergeCell ref="O181:O182"/>
    <mergeCell ref="C230:C231"/>
    <mergeCell ref="C232:C233"/>
    <mergeCell ref="O3:O4"/>
    <mergeCell ref="C3:C4"/>
    <mergeCell ref="O152:O153"/>
    <mergeCell ref="O185:O186"/>
    <mergeCell ref="O115:O116"/>
    <mergeCell ref="O166:O167"/>
    <mergeCell ref="O168:O169"/>
    <mergeCell ref="C29:C30"/>
    <mergeCell ref="C31:C32"/>
    <mergeCell ref="C33:C34"/>
    <mergeCell ref="C103:C105"/>
    <mergeCell ref="C100:C102"/>
    <mergeCell ref="O148:O149"/>
    <mergeCell ref="C150:C151"/>
    <mergeCell ref="O29:O30"/>
    <mergeCell ref="O31:O32"/>
    <mergeCell ref="O33:O34"/>
    <mergeCell ref="O54:O55"/>
    <mergeCell ref="O56:O57"/>
    <mergeCell ref="O23:O24"/>
    <mergeCell ref="O69:O70"/>
    <mergeCell ref="O71:O72"/>
    <mergeCell ref="O73:O74"/>
    <mergeCell ref="O35:O36"/>
    <mergeCell ref="O37:O38"/>
    <mergeCell ref="O39:O40"/>
    <mergeCell ref="O82:O83"/>
    <mergeCell ref="O49:O50"/>
    <mergeCell ref="O58:O59"/>
    <mergeCell ref="O60:O61"/>
    <mergeCell ref="O62:O63"/>
    <mergeCell ref="O150:O151"/>
    <mergeCell ref="C137:C138"/>
    <mergeCell ref="O137:O138"/>
    <mergeCell ref="C139:C140"/>
    <mergeCell ref="O139:O140"/>
    <mergeCell ref="C122:C123"/>
    <mergeCell ref="C97:C99"/>
    <mergeCell ref="C19:C20"/>
    <mergeCell ref="O19:O20"/>
    <mergeCell ref="O21:O22"/>
    <mergeCell ref="C21:C24"/>
    <mergeCell ref="C35:C36"/>
    <mergeCell ref="C37:C38"/>
    <mergeCell ref="C39:C40"/>
    <mergeCell ref="C45:C46"/>
    <mergeCell ref="C47:C48"/>
    <mergeCell ref="C49:C50"/>
    <mergeCell ref="O45:O46"/>
    <mergeCell ref="O47:O48"/>
    <mergeCell ref="C62:C63"/>
    <mergeCell ref="C64:C65"/>
    <mergeCell ref="O85:O86"/>
    <mergeCell ref="O77:O78"/>
    <mergeCell ref="C17:C18"/>
    <mergeCell ref="O17:O18"/>
    <mergeCell ref="C41:C42"/>
    <mergeCell ref="O25:O26"/>
    <mergeCell ref="O27:O28"/>
    <mergeCell ref="C25:C26"/>
    <mergeCell ref="C27:C28"/>
    <mergeCell ref="C152:C153"/>
    <mergeCell ref="O122:O123"/>
    <mergeCell ref="C9:C10"/>
    <mergeCell ref="O9:O10"/>
    <mergeCell ref="O13:O14"/>
    <mergeCell ref="C11:C12"/>
    <mergeCell ref="O11:O12"/>
    <mergeCell ref="C15:C16"/>
    <mergeCell ref="O15:O16"/>
    <mergeCell ref="C13:C14"/>
    <mergeCell ref="O90:O91"/>
    <mergeCell ref="O79:O80"/>
    <mergeCell ref="C77:C78"/>
    <mergeCell ref="C54:C55"/>
    <mergeCell ref="C56:C57"/>
    <mergeCell ref="C58:C59"/>
    <mergeCell ref="O88:O89"/>
    <mergeCell ref="O64:O65"/>
    <mergeCell ref="C60:C61"/>
    <mergeCell ref="C164:C169"/>
    <mergeCell ref="C217:C218"/>
    <mergeCell ref="O75:O76"/>
    <mergeCell ref="O41:O42"/>
    <mergeCell ref="O170:O171"/>
    <mergeCell ref="O113:O114"/>
    <mergeCell ref="O117:O118"/>
    <mergeCell ref="O158:O159"/>
    <mergeCell ref="O160:O161"/>
    <mergeCell ref="C174:C175"/>
    <mergeCell ref="O174:O175"/>
    <mergeCell ref="O193:O194"/>
    <mergeCell ref="C176:C177"/>
    <mergeCell ref="O176:O177"/>
    <mergeCell ref="O162:O163"/>
    <mergeCell ref="C148:C149"/>
    <mergeCell ref="O164:O165"/>
    <mergeCell ref="C71:C72"/>
    <mergeCell ref="C158:C163"/>
    <mergeCell ref="C113:C118"/>
    <mergeCell ref="C109:C112"/>
    <mergeCell ref="C130:C131"/>
    <mergeCell ref="C146:C147"/>
    <mergeCell ref="C124:C127"/>
    <mergeCell ref="C134:C135"/>
    <mergeCell ref="O134:O135"/>
    <mergeCell ref="O126:O127"/>
    <mergeCell ref="C170:C171"/>
    <mergeCell ref="C119:C121"/>
    <mergeCell ref="O120:O121"/>
    <mergeCell ref="O124:O125"/>
    <mergeCell ref="C185:C186"/>
    <mergeCell ref="C181:C182"/>
    <mergeCell ref="C224:C225"/>
    <mergeCell ref="C222:C223"/>
    <mergeCell ref="C215:C216"/>
    <mergeCell ref="C240:C241"/>
    <mergeCell ref="C236:C237"/>
    <mergeCell ref="C238:C239"/>
    <mergeCell ref="O183:O184"/>
    <mergeCell ref="C183:C184"/>
    <mergeCell ref="C195:C196"/>
    <mergeCell ref="O195:O196"/>
    <mergeCell ref="C200:C201"/>
    <mergeCell ref="O200:O201"/>
    <mergeCell ref="C202:C203"/>
    <mergeCell ref="O202:O203"/>
    <mergeCell ref="C204:C205"/>
    <mergeCell ref="O204:O205"/>
    <mergeCell ref="C191:C192"/>
    <mergeCell ref="O191:O192"/>
    <mergeCell ref="C193:C194"/>
  </mergeCells>
  <phoneticPr fontId="18" type="noConversion"/>
  <conditionalFormatting sqref="P108 P100:P101">
    <cfRule type="duplicateValues" dxfId="1" priority="17"/>
  </conditionalFormatting>
  <conditionalFormatting sqref="B263">
    <cfRule type="colorScale" priority="2">
      <colorScale>
        <cfvo type="min"/>
        <cfvo type="max"/>
        <color rgb="FF63BE7B"/>
        <color rgb="FFFCFCFF"/>
      </colorScale>
    </cfRule>
  </conditionalFormatting>
  <conditionalFormatting sqref="B264">
    <cfRule type="colorScale" priority="1">
      <colorScale>
        <cfvo type="min"/>
        <cfvo type="max"/>
        <color rgb="FF63BE7B"/>
        <color rgb="FFFCFCFF"/>
      </colorScale>
    </cfRule>
  </conditionalFormatting>
  <conditionalFormatting sqref="P103:P104">
    <cfRule type="duplicateValues" dxfId="0" priority="18"/>
  </conditionalFormatting>
  <hyperlinks>
    <hyperlink ref="B265" r:id="rId1"/>
    <hyperlink ref="B266" r:id="rId2"/>
  </hyperlinks>
  <pageMargins left="0.69930555555555596" right="0.69930555555555596" top="0.75" bottom="0.75" header="0.3" footer="0.3"/>
  <pageSetup paperSize="9" orientation="portrait" r:id="rId3"/>
  <drawing r:id="rId4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9"/>
  <sheetViews>
    <sheetView zoomScale="70" zoomScaleNormal="70" workbookViewId="0">
      <pane ySplit="1" topLeftCell="A51" activePane="bottomLeft" state="frozen"/>
      <selection pane="bottomLeft" activeCell="O1" sqref="O1"/>
    </sheetView>
  </sheetViews>
  <sheetFormatPr defaultColWidth="9" defaultRowHeight="60" customHeight="1"/>
  <cols>
    <col min="1" max="1" width="16" style="36" bestFit="1" customWidth="1"/>
    <col min="2" max="2" width="26" style="36" customWidth="1"/>
    <col min="3" max="3" width="17.90625" style="360" customWidth="1"/>
    <col min="4" max="4" width="10.453125" style="36" bestFit="1" customWidth="1"/>
    <col min="5" max="5" width="12.453125" style="36" customWidth="1"/>
    <col min="6" max="6" width="7.26953125" style="36" customWidth="1"/>
    <col min="7" max="7" width="5.08984375" style="36" customWidth="1"/>
    <col min="8" max="8" width="9.7265625" style="36" customWidth="1"/>
    <col min="9" max="9" width="8.36328125" style="36" customWidth="1"/>
    <col min="10" max="10" width="10.6328125" style="36" customWidth="1"/>
    <col min="11" max="11" width="6.7265625" style="36" customWidth="1"/>
    <col min="12" max="12" width="9" style="36" customWidth="1"/>
    <col min="13" max="13" width="10.26953125" style="36" customWidth="1"/>
    <col min="14" max="14" width="20.08984375" style="36" customWidth="1"/>
    <col min="15" max="15" width="75" style="36" customWidth="1"/>
    <col min="16" max="16" width="12.90625" style="36" customWidth="1"/>
    <col min="17" max="17" width="16.6328125" style="501" customWidth="1"/>
    <col min="18" max="18" width="19.36328125" style="366" customWidth="1"/>
    <col min="19" max="19" width="11.6328125" style="366" customWidth="1"/>
    <col min="20" max="16384" width="9" style="36"/>
  </cols>
  <sheetData>
    <row r="1" spans="1:19" s="529" customFormat="1" ht="60" customHeight="1">
      <c r="A1" s="496" t="s">
        <v>1977</v>
      </c>
      <c r="B1" s="496" t="s">
        <v>1978</v>
      </c>
      <c r="C1" s="528" t="s">
        <v>1988</v>
      </c>
      <c r="D1" s="496" t="s">
        <v>1991</v>
      </c>
      <c r="E1" s="528" t="s">
        <v>1992</v>
      </c>
      <c r="F1" s="496" t="s">
        <v>1993</v>
      </c>
      <c r="G1" s="487" t="s">
        <v>1</v>
      </c>
      <c r="H1" s="487" t="s">
        <v>2</v>
      </c>
      <c r="I1" s="487" t="s">
        <v>3</v>
      </c>
      <c r="J1" s="487" t="s">
        <v>236</v>
      </c>
      <c r="K1" s="487" t="s">
        <v>237</v>
      </c>
      <c r="L1" s="488" t="s">
        <v>238</v>
      </c>
      <c r="M1" s="488" t="s">
        <v>1994</v>
      </c>
      <c r="N1" s="487" t="s">
        <v>1995</v>
      </c>
      <c r="O1" s="487" t="s">
        <v>1989</v>
      </c>
      <c r="P1" s="487" t="s">
        <v>6</v>
      </c>
      <c r="Q1" s="499" t="s">
        <v>1956</v>
      </c>
      <c r="R1" s="497" t="s">
        <v>1960</v>
      </c>
      <c r="S1" s="497" t="s">
        <v>1961</v>
      </c>
    </row>
    <row r="2" spans="1:19" s="291" customFormat="1" ht="60" customHeight="1">
      <c r="A2" s="260" t="s">
        <v>239</v>
      </c>
      <c r="B2" s="297" t="s">
        <v>521</v>
      </c>
      <c r="C2" s="302"/>
      <c r="D2" s="298" t="s">
        <v>8</v>
      </c>
      <c r="E2" s="115" t="s">
        <v>338</v>
      </c>
      <c r="F2" s="299" t="s">
        <v>339</v>
      </c>
      <c r="G2" s="116" t="s">
        <v>12</v>
      </c>
      <c r="H2" s="116" t="s">
        <v>12</v>
      </c>
      <c r="I2" s="115" t="s">
        <v>67</v>
      </c>
      <c r="J2" s="261" t="s">
        <v>340</v>
      </c>
      <c r="K2" s="116" t="s">
        <v>11</v>
      </c>
      <c r="L2" s="116" t="s">
        <v>11</v>
      </c>
      <c r="M2" s="116" t="s">
        <v>12</v>
      </c>
      <c r="N2" s="297" t="s">
        <v>341</v>
      </c>
      <c r="O2" s="297" t="s">
        <v>342</v>
      </c>
      <c r="P2" s="297" t="s">
        <v>196</v>
      </c>
      <c r="Q2" s="153">
        <v>366</v>
      </c>
      <c r="R2" s="361" t="s">
        <v>1952</v>
      </c>
      <c r="S2" s="361" t="s">
        <v>1954</v>
      </c>
    </row>
    <row r="3" spans="1:19" s="291" customFormat="1" ht="60" customHeight="1">
      <c r="A3" s="260" t="s">
        <v>343</v>
      </c>
      <c r="B3" s="299" t="s">
        <v>344</v>
      </c>
      <c r="C3" s="115"/>
      <c r="D3" s="298" t="s">
        <v>20</v>
      </c>
      <c r="E3" s="115" t="s">
        <v>9</v>
      </c>
      <c r="F3" s="299" t="s">
        <v>210</v>
      </c>
      <c r="G3" s="116" t="s">
        <v>12</v>
      </c>
      <c r="H3" s="116" t="s">
        <v>12</v>
      </c>
      <c r="I3" s="116" t="s">
        <v>12</v>
      </c>
      <c r="J3" s="261" t="s">
        <v>345</v>
      </c>
      <c r="K3" s="116" t="s">
        <v>11</v>
      </c>
      <c r="L3" s="227" t="s">
        <v>68</v>
      </c>
      <c r="M3" s="116" t="s">
        <v>12</v>
      </c>
      <c r="N3" s="299" t="s">
        <v>346</v>
      </c>
      <c r="O3" s="300" t="s">
        <v>347</v>
      </c>
      <c r="P3" s="299" t="s">
        <v>211</v>
      </c>
      <c r="Q3" s="153">
        <v>550</v>
      </c>
      <c r="R3" s="361" t="s">
        <v>1952</v>
      </c>
      <c r="S3" s="361" t="s">
        <v>1954</v>
      </c>
    </row>
    <row r="4" spans="1:19" s="46" customFormat="1" ht="60" customHeight="1">
      <c r="A4" s="303" t="s">
        <v>709</v>
      </c>
      <c r="B4" s="294" t="s">
        <v>1500</v>
      </c>
      <c r="C4" s="304"/>
      <c r="D4" s="305" t="s">
        <v>1552</v>
      </c>
      <c r="E4" s="245" t="s">
        <v>9</v>
      </c>
      <c r="F4" s="305" t="s">
        <v>1553</v>
      </c>
      <c r="G4" s="243" t="s">
        <v>12</v>
      </c>
      <c r="H4" s="243" t="s">
        <v>12</v>
      </c>
      <c r="I4" s="245" t="s">
        <v>67</v>
      </c>
      <c r="J4" s="243" t="s">
        <v>1554</v>
      </c>
      <c r="K4" s="243" t="s">
        <v>11</v>
      </c>
      <c r="L4" s="243" t="s">
        <v>11</v>
      </c>
      <c r="M4" s="243" t="s">
        <v>12</v>
      </c>
      <c r="N4" s="305" t="s">
        <v>1555</v>
      </c>
      <c r="O4" s="306" t="s">
        <v>1556</v>
      </c>
      <c r="P4" s="305" t="s">
        <v>1557</v>
      </c>
      <c r="Q4" s="159">
        <v>685</v>
      </c>
      <c r="R4" s="362" t="s">
        <v>1952</v>
      </c>
      <c r="S4" s="362"/>
    </row>
    <row r="5" spans="1:19" s="46" customFormat="1" ht="60" customHeight="1">
      <c r="A5" s="303" t="s">
        <v>709</v>
      </c>
      <c r="B5" s="294" t="s">
        <v>1489</v>
      </c>
      <c r="C5" s="307"/>
      <c r="D5" s="308" t="s">
        <v>447</v>
      </c>
      <c r="E5" s="203" t="s">
        <v>9</v>
      </c>
      <c r="F5" s="309" t="s">
        <v>997</v>
      </c>
      <c r="G5" s="202" t="s">
        <v>12</v>
      </c>
      <c r="H5" s="202" t="s">
        <v>12</v>
      </c>
      <c r="I5" s="203" t="s">
        <v>67</v>
      </c>
      <c r="J5" s="245" t="s">
        <v>998</v>
      </c>
      <c r="K5" s="202" t="s">
        <v>11</v>
      </c>
      <c r="L5" s="202" t="s">
        <v>11</v>
      </c>
      <c r="M5" s="202" t="s">
        <v>12</v>
      </c>
      <c r="N5" s="309" t="s">
        <v>999</v>
      </c>
      <c r="O5" s="310" t="s">
        <v>1000</v>
      </c>
      <c r="P5" s="309" t="s">
        <v>1001</v>
      </c>
      <c r="Q5" s="159">
        <v>628</v>
      </c>
      <c r="R5" s="362" t="s">
        <v>1952</v>
      </c>
      <c r="S5" s="362"/>
    </row>
    <row r="6" spans="1:19" s="46" customFormat="1" ht="60" customHeight="1">
      <c r="A6" s="303" t="s">
        <v>1436</v>
      </c>
      <c r="B6" s="294" t="s">
        <v>1459</v>
      </c>
      <c r="C6" s="311"/>
      <c r="D6" s="308" t="s">
        <v>8</v>
      </c>
      <c r="E6" s="203" t="s">
        <v>9</v>
      </c>
      <c r="F6" s="309" t="s">
        <v>1437</v>
      </c>
      <c r="G6" s="202" t="s">
        <v>12</v>
      </c>
      <c r="H6" s="202" t="s">
        <v>12</v>
      </c>
      <c r="I6" s="203" t="s">
        <v>67</v>
      </c>
      <c r="J6" s="245" t="s">
        <v>1438</v>
      </c>
      <c r="K6" s="202" t="s">
        <v>11</v>
      </c>
      <c r="L6" s="202" t="s">
        <v>11</v>
      </c>
      <c r="M6" s="202" t="s">
        <v>12</v>
      </c>
      <c r="N6" s="309" t="s">
        <v>1439</v>
      </c>
      <c r="O6" s="310" t="s">
        <v>1440</v>
      </c>
      <c r="P6" s="309" t="s">
        <v>1441</v>
      </c>
      <c r="Q6" s="159">
        <v>536</v>
      </c>
      <c r="R6" s="362" t="s">
        <v>1952</v>
      </c>
      <c r="S6" s="362"/>
    </row>
    <row r="7" spans="1:19" s="46" customFormat="1" ht="60" customHeight="1">
      <c r="A7" s="303" t="s">
        <v>1436</v>
      </c>
      <c r="B7" s="294" t="s">
        <v>1464</v>
      </c>
      <c r="C7" s="304"/>
      <c r="D7" s="308" t="s">
        <v>8</v>
      </c>
      <c r="E7" s="203" t="s">
        <v>9</v>
      </c>
      <c r="F7" s="309" t="s">
        <v>1437</v>
      </c>
      <c r="G7" s="202" t="s">
        <v>11</v>
      </c>
      <c r="H7" s="202" t="s">
        <v>12</v>
      </c>
      <c r="I7" s="203" t="s">
        <v>67</v>
      </c>
      <c r="J7" s="245" t="s">
        <v>1438</v>
      </c>
      <c r="K7" s="202" t="s">
        <v>11</v>
      </c>
      <c r="L7" s="202" t="s">
        <v>11</v>
      </c>
      <c r="M7" s="202" t="s">
        <v>12</v>
      </c>
      <c r="N7" s="309" t="s">
        <v>1442</v>
      </c>
      <c r="O7" s="310" t="s">
        <v>1440</v>
      </c>
      <c r="P7" s="309" t="s">
        <v>1443</v>
      </c>
      <c r="Q7" s="159">
        <v>479</v>
      </c>
      <c r="R7" s="362" t="s">
        <v>1952</v>
      </c>
      <c r="S7" s="362"/>
    </row>
    <row r="8" spans="1:19" s="46" customFormat="1" ht="60" customHeight="1">
      <c r="A8" s="202" t="s">
        <v>1444</v>
      </c>
      <c r="B8" s="309" t="s">
        <v>1460</v>
      </c>
      <c r="C8" s="203"/>
      <c r="D8" s="308" t="s">
        <v>8</v>
      </c>
      <c r="E8" s="203" t="s">
        <v>9</v>
      </c>
      <c r="F8" s="309" t="s">
        <v>1437</v>
      </c>
      <c r="G8" s="202" t="s">
        <v>12</v>
      </c>
      <c r="H8" s="202" t="s">
        <v>12</v>
      </c>
      <c r="I8" s="203" t="s">
        <v>67</v>
      </c>
      <c r="J8" s="245" t="s">
        <v>1438</v>
      </c>
      <c r="K8" s="202" t="s">
        <v>11</v>
      </c>
      <c r="L8" s="202" t="s">
        <v>11</v>
      </c>
      <c r="M8" s="202" t="s">
        <v>12</v>
      </c>
      <c r="N8" s="309" t="s">
        <v>1442</v>
      </c>
      <c r="O8" s="310" t="s">
        <v>1445</v>
      </c>
      <c r="P8" s="309" t="s">
        <v>1446</v>
      </c>
      <c r="Q8" s="159">
        <v>479</v>
      </c>
      <c r="R8" s="362" t="s">
        <v>1952</v>
      </c>
      <c r="S8" s="362"/>
    </row>
    <row r="9" spans="1:19" s="46" customFormat="1" ht="60" customHeight="1">
      <c r="A9" s="116" t="s">
        <v>1226</v>
      </c>
      <c r="B9" s="297" t="s">
        <v>1227</v>
      </c>
      <c r="C9" s="192"/>
      <c r="D9" s="298" t="s">
        <v>8</v>
      </c>
      <c r="E9" s="115" t="s">
        <v>9</v>
      </c>
      <c r="F9" s="299" t="s">
        <v>1228</v>
      </c>
      <c r="G9" s="116" t="s">
        <v>12</v>
      </c>
      <c r="H9" s="116" t="s">
        <v>12</v>
      </c>
      <c r="I9" s="115" t="s">
        <v>67</v>
      </c>
      <c r="J9" s="261" t="s">
        <v>1229</v>
      </c>
      <c r="K9" s="116" t="s">
        <v>11</v>
      </c>
      <c r="L9" s="116" t="s">
        <v>11</v>
      </c>
      <c r="M9" s="116" t="s">
        <v>12</v>
      </c>
      <c r="N9" s="299" t="s">
        <v>1230</v>
      </c>
      <c r="O9" s="300" t="s">
        <v>1231</v>
      </c>
      <c r="P9" s="299" t="s">
        <v>1232</v>
      </c>
      <c r="Q9" s="153">
        <v>536</v>
      </c>
      <c r="R9" s="361" t="s">
        <v>1952</v>
      </c>
      <c r="S9" s="361" t="s">
        <v>1954</v>
      </c>
    </row>
    <row r="10" spans="1:19" s="46" customFormat="1" ht="60" customHeight="1">
      <c r="A10" s="116" t="s">
        <v>1226</v>
      </c>
      <c r="B10" s="297" t="s">
        <v>1233</v>
      </c>
      <c r="C10" s="192"/>
      <c r="D10" s="298" t="s">
        <v>8</v>
      </c>
      <c r="E10" s="115" t="s">
        <v>9</v>
      </c>
      <c r="F10" s="299" t="s">
        <v>1228</v>
      </c>
      <c r="G10" s="116" t="s">
        <v>12</v>
      </c>
      <c r="H10" s="116" t="s">
        <v>12</v>
      </c>
      <c r="I10" s="115" t="s">
        <v>67</v>
      </c>
      <c r="J10" s="261" t="s">
        <v>1229</v>
      </c>
      <c r="K10" s="116" t="s">
        <v>11</v>
      </c>
      <c r="L10" s="116" t="s">
        <v>11</v>
      </c>
      <c r="M10" s="116" t="s">
        <v>12</v>
      </c>
      <c r="N10" s="299" t="s">
        <v>1234</v>
      </c>
      <c r="O10" s="300" t="s">
        <v>1231</v>
      </c>
      <c r="P10" s="299" t="s">
        <v>1235</v>
      </c>
      <c r="Q10" s="153">
        <v>479</v>
      </c>
      <c r="R10" s="361" t="s">
        <v>1952</v>
      </c>
      <c r="S10" s="361" t="s">
        <v>1954</v>
      </c>
    </row>
    <row r="11" spans="1:19" s="46" customFormat="1" ht="60" customHeight="1">
      <c r="A11" s="116" t="s">
        <v>709</v>
      </c>
      <c r="B11" s="297" t="s">
        <v>1009</v>
      </c>
      <c r="C11" s="192"/>
      <c r="D11" s="298" t="s">
        <v>8</v>
      </c>
      <c r="E11" s="115" t="s">
        <v>9</v>
      </c>
      <c r="F11" s="299" t="s">
        <v>1223</v>
      </c>
      <c r="G11" s="116" t="s">
        <v>11</v>
      </c>
      <c r="H11" s="116" t="s">
        <v>12</v>
      </c>
      <c r="I11" s="115" t="s">
        <v>67</v>
      </c>
      <c r="J11" s="261" t="s">
        <v>1224</v>
      </c>
      <c r="K11" s="116" t="s">
        <v>11</v>
      </c>
      <c r="L11" s="116" t="s">
        <v>11</v>
      </c>
      <c r="M11" s="116" t="s">
        <v>12</v>
      </c>
      <c r="N11" s="299" t="s">
        <v>1241</v>
      </c>
      <c r="O11" s="300" t="s">
        <v>1242</v>
      </c>
      <c r="P11" s="299" t="s">
        <v>1243</v>
      </c>
      <c r="Q11" s="153">
        <v>479</v>
      </c>
      <c r="R11" s="361" t="s">
        <v>1952</v>
      </c>
      <c r="S11" s="361" t="s">
        <v>1954</v>
      </c>
    </row>
    <row r="12" spans="1:19" s="46" customFormat="1" ht="60" customHeight="1">
      <c r="A12" s="116" t="s">
        <v>709</v>
      </c>
      <c r="B12" s="297" t="s">
        <v>448</v>
      </c>
      <c r="C12" s="115"/>
      <c r="D12" s="298" t="s">
        <v>8</v>
      </c>
      <c r="E12" s="115" t="s">
        <v>9</v>
      </c>
      <c r="F12" s="299" t="s">
        <v>1237</v>
      </c>
      <c r="G12" s="116" t="s">
        <v>12</v>
      </c>
      <c r="H12" s="116" t="s">
        <v>12</v>
      </c>
      <c r="I12" s="115" t="s">
        <v>67</v>
      </c>
      <c r="J12" s="261" t="s">
        <v>1225</v>
      </c>
      <c r="K12" s="116" t="s">
        <v>11</v>
      </c>
      <c r="L12" s="116" t="s">
        <v>11</v>
      </c>
      <c r="M12" s="116" t="s">
        <v>12</v>
      </c>
      <c r="N12" s="299" t="s">
        <v>1238</v>
      </c>
      <c r="O12" s="300" t="s">
        <v>1239</v>
      </c>
      <c r="P12" s="299" t="s">
        <v>1240</v>
      </c>
      <c r="Q12" s="153">
        <v>353</v>
      </c>
      <c r="R12" s="361" t="s">
        <v>1952</v>
      </c>
      <c r="S12" s="361" t="s">
        <v>1954</v>
      </c>
    </row>
    <row r="13" spans="1:19" s="46" customFormat="1" ht="60" customHeight="1">
      <c r="A13" s="52" t="s">
        <v>707</v>
      </c>
      <c r="B13" s="312" t="s">
        <v>922</v>
      </c>
      <c r="C13" s="313"/>
      <c r="D13" s="314" t="s">
        <v>447</v>
      </c>
      <c r="E13" s="43" t="s">
        <v>9</v>
      </c>
      <c r="F13" s="315" t="s">
        <v>1002</v>
      </c>
      <c r="G13" s="95" t="s">
        <v>12</v>
      </c>
      <c r="H13" s="95" t="s">
        <v>12</v>
      </c>
      <c r="I13" s="43" t="s">
        <v>67</v>
      </c>
      <c r="J13" s="241" t="s">
        <v>1003</v>
      </c>
      <c r="K13" s="95" t="s">
        <v>11</v>
      </c>
      <c r="L13" s="95" t="s">
        <v>12</v>
      </c>
      <c r="M13" s="95" t="s">
        <v>12</v>
      </c>
      <c r="N13" s="315" t="s">
        <v>1004</v>
      </c>
      <c r="O13" s="315" t="s">
        <v>1005</v>
      </c>
      <c r="P13" s="315" t="s">
        <v>1006</v>
      </c>
      <c r="Q13" s="114">
        <v>605</v>
      </c>
      <c r="R13" s="362" t="s">
        <v>1952</v>
      </c>
      <c r="S13" s="362"/>
    </row>
    <row r="14" spans="1:19" s="46" customFormat="1" ht="60" customHeight="1">
      <c r="A14" s="80" t="s">
        <v>708</v>
      </c>
      <c r="B14" s="312" t="s">
        <v>923</v>
      </c>
      <c r="C14" s="316"/>
      <c r="D14" s="314" t="s">
        <v>407</v>
      </c>
      <c r="E14" s="43" t="s">
        <v>9</v>
      </c>
      <c r="F14" s="315" t="s">
        <v>1002</v>
      </c>
      <c r="G14" s="95" t="s">
        <v>12</v>
      </c>
      <c r="H14" s="95" t="s">
        <v>12</v>
      </c>
      <c r="I14" s="43" t="s">
        <v>67</v>
      </c>
      <c r="J14" s="241" t="s">
        <v>1003</v>
      </c>
      <c r="K14" s="95" t="s">
        <v>11</v>
      </c>
      <c r="L14" s="95" t="s">
        <v>12</v>
      </c>
      <c r="M14" s="95" t="s">
        <v>12</v>
      </c>
      <c r="N14" s="315" t="s">
        <v>1004</v>
      </c>
      <c r="O14" s="315" t="s">
        <v>1007</v>
      </c>
      <c r="P14" s="315" t="s">
        <v>1008</v>
      </c>
      <c r="Q14" s="114">
        <v>456</v>
      </c>
      <c r="R14" s="362" t="s">
        <v>1952</v>
      </c>
      <c r="S14" s="362"/>
    </row>
    <row r="15" spans="1:19" s="291" customFormat="1" ht="60" customHeight="1">
      <c r="A15" s="260" t="s">
        <v>710</v>
      </c>
      <c r="B15" s="297" t="s">
        <v>365</v>
      </c>
      <c r="C15" s="317"/>
      <c r="D15" s="298" t="s">
        <v>1236</v>
      </c>
      <c r="E15" s="115" t="s">
        <v>9</v>
      </c>
      <c r="F15" s="299" t="s">
        <v>71</v>
      </c>
      <c r="G15" s="116" t="s">
        <v>11</v>
      </c>
      <c r="H15" s="116" t="s">
        <v>12</v>
      </c>
      <c r="I15" s="115" t="s">
        <v>67</v>
      </c>
      <c r="J15" s="261" t="s">
        <v>11</v>
      </c>
      <c r="K15" s="261" t="s">
        <v>68</v>
      </c>
      <c r="L15" s="261" t="s">
        <v>68</v>
      </c>
      <c r="M15" s="116" t="s">
        <v>11</v>
      </c>
      <c r="N15" s="299" t="s">
        <v>72</v>
      </c>
      <c r="O15" s="300" t="s">
        <v>366</v>
      </c>
      <c r="P15" s="299" t="s">
        <v>73</v>
      </c>
      <c r="Q15" s="153">
        <v>1143</v>
      </c>
      <c r="R15" s="361" t="s">
        <v>1952</v>
      </c>
      <c r="S15" s="361" t="s">
        <v>1954</v>
      </c>
    </row>
    <row r="16" spans="1:19" s="291" customFormat="1" ht="60" customHeight="1">
      <c r="A16" s="260" t="s">
        <v>710</v>
      </c>
      <c r="B16" s="297" t="s">
        <v>367</v>
      </c>
      <c r="C16" s="217"/>
      <c r="D16" s="298" t="s">
        <v>8</v>
      </c>
      <c r="E16" s="115" t="s">
        <v>9</v>
      </c>
      <c r="F16" s="299" t="s">
        <v>71</v>
      </c>
      <c r="G16" s="116" t="s">
        <v>12</v>
      </c>
      <c r="H16" s="116" t="s">
        <v>12</v>
      </c>
      <c r="I16" s="115" t="s">
        <v>67</v>
      </c>
      <c r="J16" s="261" t="s">
        <v>11</v>
      </c>
      <c r="K16" s="261" t="s">
        <v>68</v>
      </c>
      <c r="L16" s="261" t="s">
        <v>68</v>
      </c>
      <c r="M16" s="116" t="s">
        <v>11</v>
      </c>
      <c r="N16" s="299" t="s">
        <v>72</v>
      </c>
      <c r="O16" s="300" t="s">
        <v>368</v>
      </c>
      <c r="P16" s="299" t="s">
        <v>74</v>
      </c>
      <c r="Q16" s="153">
        <v>1372</v>
      </c>
      <c r="R16" s="361" t="s">
        <v>1952</v>
      </c>
      <c r="S16" s="361" t="s">
        <v>1954</v>
      </c>
    </row>
    <row r="17" spans="1:19" s="291" customFormat="1" ht="60" customHeight="1">
      <c r="A17" s="260" t="s">
        <v>907</v>
      </c>
      <c r="B17" s="297" t="s">
        <v>1958</v>
      </c>
      <c r="C17" s="220"/>
      <c r="D17" s="298" t="s">
        <v>8</v>
      </c>
      <c r="E17" s="115" t="s">
        <v>9</v>
      </c>
      <c r="F17" s="299" t="s">
        <v>66</v>
      </c>
      <c r="G17" s="116" t="s">
        <v>11</v>
      </c>
      <c r="H17" s="116" t="s">
        <v>12</v>
      </c>
      <c r="I17" s="115" t="s">
        <v>67</v>
      </c>
      <c r="J17" s="261" t="s">
        <v>11</v>
      </c>
      <c r="K17" s="261" t="s">
        <v>11</v>
      </c>
      <c r="L17" s="116" t="s">
        <v>11</v>
      </c>
      <c r="M17" s="116" t="s">
        <v>12</v>
      </c>
      <c r="N17" s="299" t="s">
        <v>900</v>
      </c>
      <c r="O17" s="300" t="s">
        <v>901</v>
      </c>
      <c r="P17" s="299" t="s">
        <v>902</v>
      </c>
      <c r="Q17" s="153">
        <v>1143</v>
      </c>
      <c r="R17" s="361" t="s">
        <v>1952</v>
      </c>
      <c r="S17" s="361" t="s">
        <v>1954</v>
      </c>
    </row>
    <row r="18" spans="1:19" s="291" customFormat="1" ht="60" customHeight="1">
      <c r="A18" s="260" t="s">
        <v>903</v>
      </c>
      <c r="B18" s="297" t="s">
        <v>1959</v>
      </c>
      <c r="C18" s="220"/>
      <c r="D18" s="298" t="s">
        <v>8</v>
      </c>
      <c r="E18" s="115" t="s">
        <v>9</v>
      </c>
      <c r="F18" s="299" t="s">
        <v>66</v>
      </c>
      <c r="G18" s="116" t="s">
        <v>12</v>
      </c>
      <c r="H18" s="116" t="s">
        <v>12</v>
      </c>
      <c r="I18" s="115" t="s">
        <v>67</v>
      </c>
      <c r="J18" s="261" t="s">
        <v>11</v>
      </c>
      <c r="K18" s="261" t="s">
        <v>68</v>
      </c>
      <c r="L18" s="261" t="s">
        <v>68</v>
      </c>
      <c r="M18" s="116" t="s">
        <v>12</v>
      </c>
      <c r="N18" s="299" t="s">
        <v>904</v>
      </c>
      <c r="O18" s="300" t="s">
        <v>905</v>
      </c>
      <c r="P18" s="299" t="s">
        <v>906</v>
      </c>
      <c r="Q18" s="153">
        <v>1257</v>
      </c>
      <c r="R18" s="361" t="s">
        <v>1952</v>
      </c>
      <c r="S18" s="361" t="s">
        <v>1954</v>
      </c>
    </row>
    <row r="19" spans="1:19" s="291" customFormat="1" ht="60" customHeight="1">
      <c r="A19" s="260" t="s">
        <v>711</v>
      </c>
      <c r="B19" s="318" t="s">
        <v>370</v>
      </c>
      <c r="C19" s="319"/>
      <c r="D19" s="320" t="s">
        <v>242</v>
      </c>
      <c r="E19" s="215" t="s">
        <v>348</v>
      </c>
      <c r="F19" s="321" t="s">
        <v>240</v>
      </c>
      <c r="G19" s="216" t="s">
        <v>349</v>
      </c>
      <c r="H19" s="216" t="s">
        <v>12</v>
      </c>
      <c r="I19" s="215" t="s">
        <v>67</v>
      </c>
      <c r="J19" s="261" t="s">
        <v>11</v>
      </c>
      <c r="K19" s="261" t="s">
        <v>68</v>
      </c>
      <c r="L19" s="322" t="s">
        <v>371</v>
      </c>
      <c r="M19" s="216" t="s">
        <v>372</v>
      </c>
      <c r="N19" s="320" t="s">
        <v>212</v>
      </c>
      <c r="O19" s="320" t="s">
        <v>217</v>
      </c>
      <c r="P19" s="320" t="s">
        <v>373</v>
      </c>
      <c r="Q19" s="153">
        <v>1943</v>
      </c>
      <c r="R19" s="361" t="s">
        <v>1952</v>
      </c>
      <c r="S19" s="361" t="s">
        <v>1954</v>
      </c>
    </row>
    <row r="20" spans="1:19" s="291" customFormat="1" ht="60" customHeight="1">
      <c r="A20" s="260" t="s">
        <v>711</v>
      </c>
      <c r="B20" s="297" t="s">
        <v>354</v>
      </c>
      <c r="C20" s="116"/>
      <c r="D20" s="298" t="s">
        <v>912</v>
      </c>
      <c r="E20" s="115" t="s">
        <v>9</v>
      </c>
      <c r="F20" s="321" t="s">
        <v>66</v>
      </c>
      <c r="G20" s="216" t="s">
        <v>914</v>
      </c>
      <c r="H20" s="216" t="s">
        <v>914</v>
      </c>
      <c r="I20" s="215" t="s">
        <v>67</v>
      </c>
      <c r="J20" s="323" t="s">
        <v>915</v>
      </c>
      <c r="K20" s="323" t="s">
        <v>916</v>
      </c>
      <c r="L20" s="322" t="s">
        <v>916</v>
      </c>
      <c r="M20" s="216" t="s">
        <v>12</v>
      </c>
      <c r="N20" s="320" t="s">
        <v>212</v>
      </c>
      <c r="O20" s="320" t="s">
        <v>920</v>
      </c>
      <c r="P20" s="299" t="s">
        <v>921</v>
      </c>
      <c r="Q20" s="153">
        <v>4574</v>
      </c>
      <c r="R20" s="361" t="s">
        <v>1952</v>
      </c>
      <c r="S20" s="361" t="s">
        <v>1954</v>
      </c>
    </row>
    <row r="21" spans="1:19" s="47" customFormat="1" ht="60" customHeight="1">
      <c r="A21" s="80" t="s">
        <v>908</v>
      </c>
      <c r="B21" s="324" t="s">
        <v>962</v>
      </c>
      <c r="C21" s="42"/>
      <c r="D21" s="314" t="s">
        <v>386</v>
      </c>
      <c r="E21" s="43" t="s">
        <v>9</v>
      </c>
      <c r="F21" s="315" t="s">
        <v>1018</v>
      </c>
      <c r="G21" s="95" t="s">
        <v>12</v>
      </c>
      <c r="H21" s="95" t="s">
        <v>12</v>
      </c>
      <c r="I21" s="43" t="s">
        <v>67</v>
      </c>
      <c r="J21" s="241" t="s">
        <v>11</v>
      </c>
      <c r="K21" s="241" t="s">
        <v>68</v>
      </c>
      <c r="L21" s="241" t="s">
        <v>70</v>
      </c>
      <c r="M21" s="95" t="s">
        <v>12</v>
      </c>
      <c r="N21" s="315" t="s">
        <v>1244</v>
      </c>
      <c r="O21" s="325" t="s">
        <v>1245</v>
      </c>
      <c r="P21" s="326" t="s">
        <v>1246</v>
      </c>
      <c r="Q21" s="114">
        <v>1372</v>
      </c>
      <c r="R21" s="363" t="s">
        <v>1952</v>
      </c>
      <c r="S21" s="363"/>
    </row>
    <row r="22" spans="1:19" s="47" customFormat="1" ht="60" customHeight="1">
      <c r="A22" s="80" t="s">
        <v>908</v>
      </c>
      <c r="B22" s="327" t="s">
        <v>1746</v>
      </c>
      <c r="C22" s="328"/>
      <c r="D22" s="279" t="s">
        <v>1738</v>
      </c>
      <c r="E22" s="186" t="s">
        <v>9</v>
      </c>
      <c r="F22" s="81" t="s">
        <v>1739</v>
      </c>
      <c r="G22" s="77" t="s">
        <v>12</v>
      </c>
      <c r="H22" s="77" t="s">
        <v>12</v>
      </c>
      <c r="I22" s="186" t="s">
        <v>67</v>
      </c>
      <c r="J22" s="329" t="s">
        <v>11</v>
      </c>
      <c r="K22" s="329" t="s">
        <v>68</v>
      </c>
      <c r="L22" s="329" t="s">
        <v>70</v>
      </c>
      <c r="M22" s="77" t="s">
        <v>12</v>
      </c>
      <c r="N22" s="81" t="s">
        <v>1740</v>
      </c>
      <c r="O22" s="330" t="s">
        <v>1741</v>
      </c>
      <c r="P22" s="327" t="s">
        <v>1744</v>
      </c>
      <c r="Q22" s="114">
        <v>1539</v>
      </c>
      <c r="R22" s="363" t="s">
        <v>1955</v>
      </c>
      <c r="S22" s="363"/>
    </row>
    <row r="23" spans="1:19" s="47" customFormat="1" ht="60" customHeight="1">
      <c r="A23" s="80" t="s">
        <v>908</v>
      </c>
      <c r="B23" s="327" t="s">
        <v>1875</v>
      </c>
      <c r="C23" s="331"/>
      <c r="D23" s="279" t="s">
        <v>1738</v>
      </c>
      <c r="E23" s="186" t="s">
        <v>9</v>
      </c>
      <c r="F23" s="81" t="s">
        <v>1739</v>
      </c>
      <c r="G23" s="77" t="s">
        <v>12</v>
      </c>
      <c r="H23" s="77" t="s">
        <v>12</v>
      </c>
      <c r="I23" s="186" t="s">
        <v>67</v>
      </c>
      <c r="J23" s="329" t="s">
        <v>11</v>
      </c>
      <c r="K23" s="329" t="s">
        <v>68</v>
      </c>
      <c r="L23" s="329" t="s">
        <v>70</v>
      </c>
      <c r="M23" s="77" t="s">
        <v>12</v>
      </c>
      <c r="N23" s="81" t="s">
        <v>1742</v>
      </c>
      <c r="O23" s="330" t="s">
        <v>1743</v>
      </c>
      <c r="P23" s="327" t="s">
        <v>1745</v>
      </c>
      <c r="Q23" s="114">
        <v>1484</v>
      </c>
      <c r="R23" s="363" t="s">
        <v>1955</v>
      </c>
      <c r="S23" s="363"/>
    </row>
    <row r="24" spans="1:19" s="47" customFormat="1" ht="60" customHeight="1">
      <c r="A24" s="80" t="s">
        <v>908</v>
      </c>
      <c r="B24" s="324" t="s">
        <v>706</v>
      </c>
      <c r="C24" s="42"/>
      <c r="D24" s="314" t="s">
        <v>8</v>
      </c>
      <c r="E24" s="43" t="s">
        <v>9</v>
      </c>
      <c r="F24" s="315" t="s">
        <v>1018</v>
      </c>
      <c r="G24" s="95" t="s">
        <v>12</v>
      </c>
      <c r="H24" s="95" t="s">
        <v>12</v>
      </c>
      <c r="I24" s="43" t="s">
        <v>67</v>
      </c>
      <c r="J24" s="241" t="s">
        <v>11</v>
      </c>
      <c r="K24" s="241" t="s">
        <v>68</v>
      </c>
      <c r="L24" s="241" t="s">
        <v>70</v>
      </c>
      <c r="M24" s="95" t="s">
        <v>12</v>
      </c>
      <c r="N24" s="315" t="s">
        <v>1019</v>
      </c>
      <c r="O24" s="325" t="s">
        <v>1020</v>
      </c>
      <c r="P24" s="315" t="s">
        <v>1021</v>
      </c>
      <c r="Q24" s="114">
        <v>1372</v>
      </c>
      <c r="R24" s="363" t="s">
        <v>1952</v>
      </c>
      <c r="S24" s="363"/>
    </row>
    <row r="25" spans="1:19" s="47" customFormat="1" ht="60" customHeight="1">
      <c r="A25" s="80" t="s">
        <v>908</v>
      </c>
      <c r="B25" s="324" t="s">
        <v>1017</v>
      </c>
      <c r="C25" s="42"/>
      <c r="D25" s="314" t="s">
        <v>1022</v>
      </c>
      <c r="E25" s="43" t="s">
        <v>9</v>
      </c>
      <c r="F25" s="315" t="s">
        <v>1023</v>
      </c>
      <c r="G25" s="95" t="s">
        <v>12</v>
      </c>
      <c r="H25" s="95" t="s">
        <v>12</v>
      </c>
      <c r="I25" s="43" t="s">
        <v>67</v>
      </c>
      <c r="J25" s="241" t="s">
        <v>11</v>
      </c>
      <c r="K25" s="241" t="s">
        <v>68</v>
      </c>
      <c r="L25" s="241" t="s">
        <v>70</v>
      </c>
      <c r="M25" s="95" t="s">
        <v>12</v>
      </c>
      <c r="N25" s="315" t="s">
        <v>1024</v>
      </c>
      <c r="O25" s="325" t="s">
        <v>1025</v>
      </c>
      <c r="P25" s="315" t="s">
        <v>1026</v>
      </c>
      <c r="Q25" s="114">
        <v>1600</v>
      </c>
      <c r="R25" s="363" t="s">
        <v>1952</v>
      </c>
      <c r="S25" s="363"/>
    </row>
    <row r="26" spans="1:19" s="47" customFormat="1" ht="60" customHeight="1">
      <c r="A26" s="80" t="s">
        <v>908</v>
      </c>
      <c r="B26" s="315" t="s">
        <v>1251</v>
      </c>
      <c r="C26" s="95"/>
      <c r="D26" s="314" t="s">
        <v>1192</v>
      </c>
      <c r="E26" s="43" t="s">
        <v>9</v>
      </c>
      <c r="F26" s="314" t="s">
        <v>66</v>
      </c>
      <c r="G26" s="95" t="s">
        <v>1177</v>
      </c>
      <c r="H26" s="95" t="s">
        <v>1177</v>
      </c>
      <c r="I26" s="43" t="s">
        <v>67</v>
      </c>
      <c r="J26" s="332" t="s">
        <v>1160</v>
      </c>
      <c r="K26" s="332" t="s">
        <v>1187</v>
      </c>
      <c r="L26" s="241" t="s">
        <v>1188</v>
      </c>
      <c r="M26" s="95" t="s">
        <v>12</v>
      </c>
      <c r="N26" s="315" t="s">
        <v>1252</v>
      </c>
      <c r="O26" s="315" t="s">
        <v>1253</v>
      </c>
      <c r="P26" s="315" t="s">
        <v>1254</v>
      </c>
      <c r="Q26" s="114">
        <v>2805</v>
      </c>
      <c r="R26" s="363" t="s">
        <v>1952</v>
      </c>
      <c r="S26" s="363"/>
    </row>
    <row r="27" spans="1:19" s="291" customFormat="1" ht="60" customHeight="1">
      <c r="A27" s="260" t="s">
        <v>712</v>
      </c>
      <c r="B27" s="297" t="s">
        <v>369</v>
      </c>
      <c r="C27" s="115"/>
      <c r="D27" s="298" t="s">
        <v>8</v>
      </c>
      <c r="E27" s="115" t="s">
        <v>9</v>
      </c>
      <c r="F27" s="299" t="s">
        <v>75</v>
      </c>
      <c r="G27" s="116" t="s">
        <v>11</v>
      </c>
      <c r="H27" s="116" t="s">
        <v>12</v>
      </c>
      <c r="I27" s="115" t="s">
        <v>67</v>
      </c>
      <c r="J27" s="261" t="s">
        <v>11</v>
      </c>
      <c r="K27" s="261" t="s">
        <v>68</v>
      </c>
      <c r="L27" s="261" t="s">
        <v>68</v>
      </c>
      <c r="M27" s="116" t="s">
        <v>11</v>
      </c>
      <c r="N27" s="299" t="s">
        <v>76</v>
      </c>
      <c r="O27" s="300" t="s">
        <v>192</v>
      </c>
      <c r="P27" s="299" t="s">
        <v>77</v>
      </c>
      <c r="Q27" s="153">
        <v>1715</v>
      </c>
      <c r="R27" s="361" t="s">
        <v>1952</v>
      </c>
      <c r="S27" s="361" t="s">
        <v>1954</v>
      </c>
    </row>
    <row r="28" spans="1:19" s="296" customFormat="1" ht="60" customHeight="1">
      <c r="A28" s="260" t="s">
        <v>713</v>
      </c>
      <c r="B28" s="297" t="s">
        <v>702</v>
      </c>
      <c r="C28" s="115"/>
      <c r="D28" s="298" t="s">
        <v>8</v>
      </c>
      <c r="E28" s="115" t="s">
        <v>9</v>
      </c>
      <c r="F28" s="299" t="s">
        <v>69</v>
      </c>
      <c r="G28" s="116" t="s">
        <v>12</v>
      </c>
      <c r="H28" s="116" t="s">
        <v>12</v>
      </c>
      <c r="I28" s="115" t="s">
        <v>67</v>
      </c>
      <c r="J28" s="261" t="s">
        <v>11</v>
      </c>
      <c r="K28" s="261" t="s">
        <v>68</v>
      </c>
      <c r="L28" s="261" t="s">
        <v>70</v>
      </c>
      <c r="M28" s="116" t="s">
        <v>12</v>
      </c>
      <c r="N28" s="299" t="s">
        <v>703</v>
      </c>
      <c r="O28" s="300" t="s">
        <v>704</v>
      </c>
      <c r="P28" s="299" t="s">
        <v>705</v>
      </c>
      <c r="Q28" s="153">
        <v>1715</v>
      </c>
      <c r="R28" s="364" t="s">
        <v>1952</v>
      </c>
      <c r="S28" s="364" t="s">
        <v>1954</v>
      </c>
    </row>
    <row r="29" spans="1:19" s="47" customFormat="1" ht="60" customHeight="1">
      <c r="A29" s="80" t="s">
        <v>909</v>
      </c>
      <c r="B29" s="324" t="s">
        <v>562</v>
      </c>
      <c r="C29" s="42"/>
      <c r="D29" s="314" t="s">
        <v>8</v>
      </c>
      <c r="E29" s="43" t="s">
        <v>9</v>
      </c>
      <c r="F29" s="315" t="s">
        <v>1041</v>
      </c>
      <c r="G29" s="95" t="s">
        <v>12</v>
      </c>
      <c r="H29" s="95" t="s">
        <v>12</v>
      </c>
      <c r="I29" s="43" t="s">
        <v>67</v>
      </c>
      <c r="J29" s="241" t="s">
        <v>11</v>
      </c>
      <c r="K29" s="241" t="s">
        <v>68</v>
      </c>
      <c r="L29" s="241" t="s">
        <v>70</v>
      </c>
      <c r="M29" s="95" t="s">
        <v>12</v>
      </c>
      <c r="N29" s="315" t="s">
        <v>1042</v>
      </c>
      <c r="O29" s="325" t="s">
        <v>1043</v>
      </c>
      <c r="P29" s="315" t="s">
        <v>1044</v>
      </c>
      <c r="Q29" s="114">
        <v>1829</v>
      </c>
      <c r="R29" s="363" t="s">
        <v>1952</v>
      </c>
      <c r="S29" s="363"/>
    </row>
    <row r="30" spans="1:19" s="47" customFormat="1" ht="60" customHeight="1">
      <c r="A30" s="80" t="s">
        <v>713</v>
      </c>
      <c r="B30" s="315" t="s">
        <v>1486</v>
      </c>
      <c r="C30" s="284"/>
      <c r="D30" s="315" t="s">
        <v>386</v>
      </c>
      <c r="E30" s="43" t="s">
        <v>9</v>
      </c>
      <c r="F30" s="314" t="s">
        <v>1247</v>
      </c>
      <c r="G30" s="95" t="s">
        <v>12</v>
      </c>
      <c r="H30" s="95" t="s">
        <v>12</v>
      </c>
      <c r="I30" s="43" t="s">
        <v>67</v>
      </c>
      <c r="J30" s="241" t="s">
        <v>11</v>
      </c>
      <c r="K30" s="241" t="s">
        <v>68</v>
      </c>
      <c r="L30" s="241" t="s">
        <v>723</v>
      </c>
      <c r="M30" s="95" t="s">
        <v>12</v>
      </c>
      <c r="N30" s="315" t="s">
        <v>1248</v>
      </c>
      <c r="O30" s="325" t="s">
        <v>1249</v>
      </c>
      <c r="P30" s="315" t="s">
        <v>1250</v>
      </c>
      <c r="Q30" s="114">
        <v>2172</v>
      </c>
      <c r="R30" s="363" t="s">
        <v>1952</v>
      </c>
      <c r="S30" s="363"/>
    </row>
    <row r="31" spans="1:19" s="46" customFormat="1" ht="60" customHeight="1">
      <c r="A31" s="80" t="s">
        <v>1379</v>
      </c>
      <c r="B31" s="312" t="s">
        <v>1380</v>
      </c>
      <c r="C31" s="333"/>
      <c r="D31" s="334" t="s">
        <v>8</v>
      </c>
      <c r="E31" s="42" t="s">
        <v>9</v>
      </c>
      <c r="F31" s="335" t="s">
        <v>1381</v>
      </c>
      <c r="G31" s="52" t="s">
        <v>12</v>
      </c>
      <c r="H31" s="52" t="s">
        <v>12</v>
      </c>
      <c r="I31" s="42" t="s">
        <v>67</v>
      </c>
      <c r="J31" s="241" t="s">
        <v>11</v>
      </c>
      <c r="K31" s="241" t="s">
        <v>68</v>
      </c>
      <c r="L31" s="241" t="s">
        <v>70</v>
      </c>
      <c r="M31" s="52" t="s">
        <v>11</v>
      </c>
      <c r="N31" s="334" t="s">
        <v>1382</v>
      </c>
      <c r="O31" s="336" t="s">
        <v>1383</v>
      </c>
      <c r="P31" s="334" t="s">
        <v>1384</v>
      </c>
      <c r="Q31" s="114">
        <v>1715</v>
      </c>
      <c r="R31" s="362" t="s">
        <v>1953</v>
      </c>
      <c r="S31" s="362"/>
    </row>
    <row r="32" spans="1:19" s="291" customFormat="1" ht="60" customHeight="1">
      <c r="A32" s="260" t="s">
        <v>713</v>
      </c>
      <c r="B32" s="297" t="s">
        <v>374</v>
      </c>
      <c r="C32" s="152"/>
      <c r="D32" s="299" t="s">
        <v>8</v>
      </c>
      <c r="E32" s="115" t="s">
        <v>9</v>
      </c>
      <c r="F32" s="298" t="s">
        <v>69</v>
      </c>
      <c r="G32" s="116" t="s">
        <v>11</v>
      </c>
      <c r="H32" s="116" t="s">
        <v>12</v>
      </c>
      <c r="I32" s="115" t="s">
        <v>67</v>
      </c>
      <c r="J32" s="261" t="s">
        <v>11</v>
      </c>
      <c r="K32" s="261" t="s">
        <v>68</v>
      </c>
      <c r="L32" s="261" t="s">
        <v>70</v>
      </c>
      <c r="M32" s="116" t="s">
        <v>12</v>
      </c>
      <c r="N32" s="299" t="s">
        <v>213</v>
      </c>
      <c r="O32" s="337" t="s">
        <v>218</v>
      </c>
      <c r="P32" s="299" t="s">
        <v>78</v>
      </c>
      <c r="Q32" s="153">
        <v>2287</v>
      </c>
      <c r="R32" s="361" t="s">
        <v>1952</v>
      </c>
      <c r="S32" s="361" t="s">
        <v>1954</v>
      </c>
    </row>
    <row r="33" spans="1:19" s="291" customFormat="1" ht="60" customHeight="1">
      <c r="A33" s="260" t="s">
        <v>713</v>
      </c>
      <c r="B33" s="297" t="s">
        <v>378</v>
      </c>
      <c r="C33" s="155"/>
      <c r="D33" s="298" t="s">
        <v>82</v>
      </c>
      <c r="E33" s="115" t="s">
        <v>9</v>
      </c>
      <c r="F33" s="298" t="s">
        <v>69</v>
      </c>
      <c r="G33" s="116" t="s">
        <v>11</v>
      </c>
      <c r="H33" s="116" t="s">
        <v>350</v>
      </c>
      <c r="I33" s="115" t="s">
        <v>351</v>
      </c>
      <c r="J33" s="261" t="s">
        <v>11</v>
      </c>
      <c r="K33" s="261" t="s">
        <v>68</v>
      </c>
      <c r="L33" s="261" t="s">
        <v>70</v>
      </c>
      <c r="M33" s="116" t="s">
        <v>12</v>
      </c>
      <c r="N33" s="299" t="s">
        <v>352</v>
      </c>
      <c r="O33" s="300" t="s">
        <v>353</v>
      </c>
      <c r="P33" s="299" t="s">
        <v>83</v>
      </c>
      <c r="Q33" s="153">
        <v>3431</v>
      </c>
      <c r="R33" s="361" t="s">
        <v>1952</v>
      </c>
      <c r="S33" s="361" t="s">
        <v>1954</v>
      </c>
    </row>
    <row r="34" spans="1:19" s="46" customFormat="1" ht="60" customHeight="1">
      <c r="A34" s="80" t="s">
        <v>713</v>
      </c>
      <c r="B34" s="338" t="s">
        <v>717</v>
      </c>
      <c r="C34" s="133"/>
      <c r="D34" s="314" t="s">
        <v>697</v>
      </c>
      <c r="E34" s="43" t="s">
        <v>9</v>
      </c>
      <c r="F34" s="315" t="s">
        <v>69</v>
      </c>
      <c r="G34" s="95" t="s">
        <v>12</v>
      </c>
      <c r="H34" s="95" t="s">
        <v>12</v>
      </c>
      <c r="I34" s="43" t="s">
        <v>67</v>
      </c>
      <c r="J34" s="241" t="s">
        <v>11</v>
      </c>
      <c r="K34" s="241" t="s">
        <v>68</v>
      </c>
      <c r="L34" s="241" t="s">
        <v>70</v>
      </c>
      <c r="M34" s="95" t="s">
        <v>12</v>
      </c>
      <c r="N34" s="315" t="s">
        <v>714</v>
      </c>
      <c r="O34" s="325" t="s">
        <v>715</v>
      </c>
      <c r="P34" s="315" t="s">
        <v>716</v>
      </c>
      <c r="Q34" s="114">
        <v>2058</v>
      </c>
      <c r="R34" s="362" t="s">
        <v>1952</v>
      </c>
      <c r="S34" s="362"/>
    </row>
    <row r="35" spans="1:19" s="47" customFormat="1" ht="60" customHeight="1">
      <c r="A35" s="80" t="s">
        <v>713</v>
      </c>
      <c r="B35" s="324" t="s">
        <v>1488</v>
      </c>
      <c r="C35" s="139"/>
      <c r="D35" s="314" t="s">
        <v>959</v>
      </c>
      <c r="E35" s="43" t="s">
        <v>9</v>
      </c>
      <c r="F35" s="315" t="s">
        <v>69</v>
      </c>
      <c r="G35" s="95" t="s">
        <v>12</v>
      </c>
      <c r="H35" s="95" t="s">
        <v>12</v>
      </c>
      <c r="I35" s="43" t="s">
        <v>67</v>
      </c>
      <c r="J35" s="241" t="s">
        <v>11</v>
      </c>
      <c r="K35" s="241" t="s">
        <v>68</v>
      </c>
      <c r="L35" s="241" t="s">
        <v>70</v>
      </c>
      <c r="M35" s="95" t="s">
        <v>12</v>
      </c>
      <c r="N35" s="315" t="s">
        <v>1487</v>
      </c>
      <c r="O35" s="325" t="s">
        <v>960</v>
      </c>
      <c r="P35" s="315" t="s">
        <v>961</v>
      </c>
      <c r="Q35" s="114">
        <v>2172</v>
      </c>
      <c r="R35" s="363" t="s">
        <v>1952</v>
      </c>
      <c r="S35" s="363"/>
    </row>
    <row r="36" spans="1:19" s="46" customFormat="1" ht="60" customHeight="1">
      <c r="A36" s="80" t="s">
        <v>713</v>
      </c>
      <c r="B36" s="315" t="s">
        <v>1255</v>
      </c>
      <c r="C36" s="43"/>
      <c r="D36" s="314" t="s">
        <v>8</v>
      </c>
      <c r="E36" s="43" t="s">
        <v>9</v>
      </c>
      <c r="F36" s="314" t="s">
        <v>69</v>
      </c>
      <c r="G36" s="95" t="s">
        <v>389</v>
      </c>
      <c r="H36" s="95" t="s">
        <v>389</v>
      </c>
      <c r="I36" s="43" t="s">
        <v>67</v>
      </c>
      <c r="J36" s="241" t="s">
        <v>11</v>
      </c>
      <c r="K36" s="241" t="s">
        <v>68</v>
      </c>
      <c r="L36" s="241" t="s">
        <v>1256</v>
      </c>
      <c r="M36" s="95" t="s">
        <v>12</v>
      </c>
      <c r="N36" s="315" t="s">
        <v>1257</v>
      </c>
      <c r="O36" s="325" t="s">
        <v>1258</v>
      </c>
      <c r="P36" s="315" t="s">
        <v>1259</v>
      </c>
      <c r="Q36" s="114">
        <v>4918</v>
      </c>
      <c r="R36" s="362" t="s">
        <v>1952</v>
      </c>
      <c r="S36" s="362"/>
    </row>
    <row r="37" spans="1:19" s="291" customFormat="1" ht="60" customHeight="1">
      <c r="A37" s="260" t="s">
        <v>713</v>
      </c>
      <c r="B37" s="297" t="s">
        <v>377</v>
      </c>
      <c r="C37" s="115"/>
      <c r="D37" s="298" t="s">
        <v>8</v>
      </c>
      <c r="E37" s="115" t="s">
        <v>9</v>
      </c>
      <c r="F37" s="298" t="s">
        <v>69</v>
      </c>
      <c r="G37" s="116" t="s">
        <v>241</v>
      </c>
      <c r="H37" s="116" t="s">
        <v>241</v>
      </c>
      <c r="I37" s="115" t="s">
        <v>67</v>
      </c>
      <c r="J37" s="261" t="s">
        <v>11</v>
      </c>
      <c r="K37" s="261" t="s">
        <v>68</v>
      </c>
      <c r="L37" s="261" t="s">
        <v>68</v>
      </c>
      <c r="M37" s="116" t="s">
        <v>12</v>
      </c>
      <c r="N37" s="299" t="s">
        <v>215</v>
      </c>
      <c r="O37" s="300" t="s">
        <v>216</v>
      </c>
      <c r="P37" s="299" t="s">
        <v>81</v>
      </c>
      <c r="Q37" s="153">
        <v>4460</v>
      </c>
      <c r="R37" s="361" t="s">
        <v>1952</v>
      </c>
      <c r="S37" s="361" t="s">
        <v>1954</v>
      </c>
    </row>
    <row r="38" spans="1:19" s="291" customFormat="1" ht="60" customHeight="1">
      <c r="A38" s="260" t="s">
        <v>719</v>
      </c>
      <c r="B38" s="297" t="s">
        <v>375</v>
      </c>
      <c r="C38" s="319"/>
      <c r="D38" s="299" t="s">
        <v>8</v>
      </c>
      <c r="E38" s="115" t="s">
        <v>9</v>
      </c>
      <c r="F38" s="298" t="s">
        <v>79</v>
      </c>
      <c r="G38" s="116" t="s">
        <v>11</v>
      </c>
      <c r="H38" s="116" t="s">
        <v>12</v>
      </c>
      <c r="I38" s="115" t="s">
        <v>67</v>
      </c>
      <c r="J38" s="261" t="s">
        <v>11</v>
      </c>
      <c r="K38" s="261" t="s">
        <v>68</v>
      </c>
      <c r="L38" s="261" t="s">
        <v>70</v>
      </c>
      <c r="M38" s="116" t="s">
        <v>12</v>
      </c>
      <c r="N38" s="299" t="s">
        <v>214</v>
      </c>
      <c r="O38" s="300" t="s">
        <v>376</v>
      </c>
      <c r="P38" s="299" t="s">
        <v>80</v>
      </c>
      <c r="Q38" s="153">
        <v>4417</v>
      </c>
      <c r="R38" s="361" t="s">
        <v>1952</v>
      </c>
      <c r="S38" s="361" t="s">
        <v>1954</v>
      </c>
    </row>
    <row r="39" spans="1:19" s="291" customFormat="1" ht="60" customHeight="1">
      <c r="A39" s="260" t="s">
        <v>719</v>
      </c>
      <c r="B39" s="301" t="s">
        <v>357</v>
      </c>
      <c r="C39" s="144"/>
      <c r="D39" s="301" t="s">
        <v>358</v>
      </c>
      <c r="E39" s="301" t="s">
        <v>359</v>
      </c>
      <c r="F39" s="301" t="s">
        <v>360</v>
      </c>
      <c r="G39" s="216" t="s">
        <v>361</v>
      </c>
      <c r="H39" s="216" t="s">
        <v>361</v>
      </c>
      <c r="I39" s="215" t="s">
        <v>67</v>
      </c>
      <c r="J39" s="323" t="s">
        <v>355</v>
      </c>
      <c r="K39" s="323" t="s">
        <v>356</v>
      </c>
      <c r="L39" s="322" t="s">
        <v>362</v>
      </c>
      <c r="M39" s="216" t="s">
        <v>12</v>
      </c>
      <c r="N39" s="339" t="s">
        <v>363</v>
      </c>
      <c r="O39" s="339" t="s">
        <v>364</v>
      </c>
      <c r="P39" s="301" t="s">
        <v>154</v>
      </c>
      <c r="Q39" s="153">
        <v>4574</v>
      </c>
      <c r="R39" s="361" t="s">
        <v>1952</v>
      </c>
      <c r="S39" s="361" t="s">
        <v>1954</v>
      </c>
    </row>
    <row r="40" spans="1:19" s="291" customFormat="1" ht="60" customHeight="1">
      <c r="A40" s="260" t="s">
        <v>910</v>
      </c>
      <c r="B40" s="301" t="s">
        <v>911</v>
      </c>
      <c r="C40" s="340"/>
      <c r="D40" s="301" t="s">
        <v>912</v>
      </c>
      <c r="E40" s="301" t="s">
        <v>913</v>
      </c>
      <c r="F40" s="301" t="s">
        <v>79</v>
      </c>
      <c r="G40" s="216" t="s">
        <v>914</v>
      </c>
      <c r="H40" s="216" t="s">
        <v>914</v>
      </c>
      <c r="I40" s="215" t="s">
        <v>67</v>
      </c>
      <c r="J40" s="323" t="s">
        <v>915</v>
      </c>
      <c r="K40" s="323" t="s">
        <v>916</v>
      </c>
      <c r="L40" s="322" t="s">
        <v>917</v>
      </c>
      <c r="M40" s="216" t="s">
        <v>12</v>
      </c>
      <c r="N40" s="339" t="s">
        <v>918</v>
      </c>
      <c r="O40" s="339" t="s">
        <v>919</v>
      </c>
      <c r="P40" s="301" t="s">
        <v>155</v>
      </c>
      <c r="Q40" s="153">
        <v>6405</v>
      </c>
      <c r="R40" s="361" t="s">
        <v>1952</v>
      </c>
      <c r="S40" s="361" t="s">
        <v>1954</v>
      </c>
    </row>
    <row r="41" spans="1:19" s="46" customFormat="1" ht="60" customHeight="1">
      <c r="A41" s="80" t="s">
        <v>1046</v>
      </c>
      <c r="B41" s="166" t="s">
        <v>1045</v>
      </c>
      <c r="C41" s="341"/>
      <c r="D41" s="315" t="s">
        <v>1175</v>
      </c>
      <c r="E41" s="43" t="s">
        <v>9</v>
      </c>
      <c r="F41" s="314" t="s">
        <v>1260</v>
      </c>
      <c r="G41" s="95" t="s">
        <v>12</v>
      </c>
      <c r="H41" s="95" t="s">
        <v>12</v>
      </c>
      <c r="I41" s="43" t="s">
        <v>67</v>
      </c>
      <c r="J41" s="241" t="s">
        <v>11</v>
      </c>
      <c r="K41" s="241" t="s">
        <v>68</v>
      </c>
      <c r="L41" s="241" t="s">
        <v>1261</v>
      </c>
      <c r="M41" s="95" t="s">
        <v>12</v>
      </c>
      <c r="N41" s="315" t="s">
        <v>1262</v>
      </c>
      <c r="O41" s="342" t="s">
        <v>1263</v>
      </c>
      <c r="P41" s="315" t="s">
        <v>1264</v>
      </c>
      <c r="Q41" s="114">
        <v>5604</v>
      </c>
      <c r="R41" s="362" t="s">
        <v>1953</v>
      </c>
      <c r="S41" s="362"/>
    </row>
    <row r="42" spans="1:19" s="46" customFormat="1" ht="60" customHeight="1">
      <c r="A42" s="80" t="s">
        <v>1046</v>
      </c>
      <c r="B42" s="343" t="s">
        <v>1058</v>
      </c>
      <c r="C42" s="344"/>
      <c r="D42" s="315" t="s">
        <v>1028</v>
      </c>
      <c r="E42" s="43" t="s">
        <v>9</v>
      </c>
      <c r="F42" s="314" t="s">
        <v>721</v>
      </c>
      <c r="G42" s="95" t="s">
        <v>12</v>
      </c>
      <c r="H42" s="95" t="s">
        <v>12</v>
      </c>
      <c r="I42" s="43" t="s">
        <v>67</v>
      </c>
      <c r="J42" s="241" t="s">
        <v>11</v>
      </c>
      <c r="K42" s="241" t="s">
        <v>68</v>
      </c>
      <c r="L42" s="241" t="s">
        <v>1059</v>
      </c>
      <c r="M42" s="95" t="s">
        <v>12</v>
      </c>
      <c r="N42" s="315" t="s">
        <v>1060</v>
      </c>
      <c r="O42" s="342" t="s">
        <v>1061</v>
      </c>
      <c r="P42" s="315" t="s">
        <v>1062</v>
      </c>
      <c r="Q42" s="114">
        <v>5718</v>
      </c>
      <c r="R42" s="362" t="s">
        <v>1952</v>
      </c>
      <c r="S42" s="362"/>
    </row>
    <row r="43" spans="1:19" s="46" customFormat="1" ht="60" customHeight="1">
      <c r="A43" s="80" t="s">
        <v>1047</v>
      </c>
      <c r="B43" s="345" t="s">
        <v>1048</v>
      </c>
      <c r="C43" s="346"/>
      <c r="D43" s="315" t="s">
        <v>1192</v>
      </c>
      <c r="E43" s="43" t="s">
        <v>9</v>
      </c>
      <c r="F43" s="314" t="s">
        <v>1260</v>
      </c>
      <c r="G43" s="95" t="s">
        <v>12</v>
      </c>
      <c r="H43" s="95" t="s">
        <v>12</v>
      </c>
      <c r="I43" s="43" t="s">
        <v>67</v>
      </c>
      <c r="J43" s="241" t="s">
        <v>11</v>
      </c>
      <c r="K43" s="241" t="s">
        <v>68</v>
      </c>
      <c r="L43" s="241" t="s">
        <v>1261</v>
      </c>
      <c r="M43" s="95" t="s">
        <v>12</v>
      </c>
      <c r="N43" s="315" t="s">
        <v>1265</v>
      </c>
      <c r="O43" s="342" t="s">
        <v>1266</v>
      </c>
      <c r="P43" s="315" t="s">
        <v>1267</v>
      </c>
      <c r="Q43" s="114">
        <v>7548</v>
      </c>
      <c r="R43" s="362" t="s">
        <v>1952</v>
      </c>
      <c r="S43" s="362"/>
    </row>
    <row r="44" spans="1:19" s="291" customFormat="1" ht="60" customHeight="1">
      <c r="A44" s="260" t="s">
        <v>718</v>
      </c>
      <c r="B44" s="301" t="s">
        <v>480</v>
      </c>
      <c r="C44" s="347"/>
      <c r="D44" s="348" t="s">
        <v>386</v>
      </c>
      <c r="E44" s="349" t="s">
        <v>720</v>
      </c>
      <c r="F44" s="348" t="s">
        <v>721</v>
      </c>
      <c r="G44" s="269" t="s">
        <v>389</v>
      </c>
      <c r="H44" s="269" t="s">
        <v>389</v>
      </c>
      <c r="I44" s="264" t="s">
        <v>67</v>
      </c>
      <c r="J44" s="264" t="s">
        <v>67</v>
      </c>
      <c r="K44" s="350" t="s">
        <v>722</v>
      </c>
      <c r="L44" s="261" t="s">
        <v>723</v>
      </c>
      <c r="M44" s="269" t="s">
        <v>12</v>
      </c>
      <c r="N44" s="351" t="s">
        <v>724</v>
      </c>
      <c r="O44" s="351" t="s">
        <v>725</v>
      </c>
      <c r="P44" s="352" t="s">
        <v>726</v>
      </c>
      <c r="Q44" s="153">
        <v>7548</v>
      </c>
      <c r="R44" s="361" t="s">
        <v>1952</v>
      </c>
      <c r="S44" s="361" t="s">
        <v>1954</v>
      </c>
    </row>
    <row r="45" spans="1:19" s="46" customFormat="1" ht="60" customHeight="1">
      <c r="A45" s="80" t="s">
        <v>1063</v>
      </c>
      <c r="B45" s="353" t="s">
        <v>563</v>
      </c>
      <c r="C45" s="141"/>
      <c r="D45" s="315" t="s">
        <v>566</v>
      </c>
      <c r="E45" s="43" t="s">
        <v>9</v>
      </c>
      <c r="F45" s="314" t="s">
        <v>1064</v>
      </c>
      <c r="G45" s="95" t="s">
        <v>12</v>
      </c>
      <c r="H45" s="95" t="s">
        <v>12</v>
      </c>
      <c r="I45" s="43" t="s">
        <v>67</v>
      </c>
      <c r="J45" s="241" t="s">
        <v>11</v>
      </c>
      <c r="K45" s="241" t="s">
        <v>68</v>
      </c>
      <c r="L45" s="241" t="s">
        <v>1059</v>
      </c>
      <c r="M45" s="95" t="s">
        <v>12</v>
      </c>
      <c r="N45" s="315" t="s">
        <v>1065</v>
      </c>
      <c r="O45" s="342" t="s">
        <v>1066</v>
      </c>
      <c r="P45" s="315" t="s">
        <v>1067</v>
      </c>
      <c r="Q45" s="114">
        <v>5718</v>
      </c>
      <c r="R45" s="362" t="s">
        <v>1952</v>
      </c>
      <c r="S45" s="362"/>
    </row>
    <row r="46" spans="1:19" s="46" customFormat="1" ht="60" customHeight="1">
      <c r="A46" s="80" t="s">
        <v>727</v>
      </c>
      <c r="B46" s="166" t="s">
        <v>1049</v>
      </c>
      <c r="C46" s="354"/>
      <c r="D46" s="326" t="s">
        <v>407</v>
      </c>
      <c r="E46" s="326" t="s">
        <v>720</v>
      </c>
      <c r="F46" s="326" t="s">
        <v>1268</v>
      </c>
      <c r="G46" s="95" t="s">
        <v>11</v>
      </c>
      <c r="H46" s="95" t="s">
        <v>389</v>
      </c>
      <c r="I46" s="43" t="s">
        <v>67</v>
      </c>
      <c r="J46" s="332" t="s">
        <v>1269</v>
      </c>
      <c r="K46" s="332" t="s">
        <v>1270</v>
      </c>
      <c r="L46" s="241" t="s">
        <v>1271</v>
      </c>
      <c r="M46" s="95" t="s">
        <v>12</v>
      </c>
      <c r="N46" s="342" t="s">
        <v>1272</v>
      </c>
      <c r="O46" s="342" t="s">
        <v>1273</v>
      </c>
      <c r="P46" s="326" t="s">
        <v>1274</v>
      </c>
      <c r="Q46" s="114">
        <v>5718</v>
      </c>
      <c r="R46" s="362" t="s">
        <v>1953</v>
      </c>
      <c r="S46" s="362"/>
    </row>
    <row r="47" spans="1:19" s="39" customFormat="1" ht="60" customHeight="1">
      <c r="A47" s="355" t="s">
        <v>502</v>
      </c>
      <c r="B47" s="356"/>
      <c r="C47" s="356"/>
      <c r="D47" s="356"/>
      <c r="E47" s="356"/>
      <c r="F47" s="356"/>
      <c r="G47" s="356"/>
      <c r="H47" s="356"/>
      <c r="I47" s="356"/>
      <c r="J47" s="356"/>
      <c r="K47" s="356"/>
      <c r="L47" s="356"/>
      <c r="M47" s="356"/>
      <c r="N47" s="356"/>
      <c r="O47" s="356"/>
      <c r="P47" s="356"/>
      <c r="Q47" s="500"/>
      <c r="R47" s="502"/>
      <c r="S47" s="502"/>
    </row>
    <row r="48" spans="1:19" s="44" customFormat="1" ht="60" customHeight="1">
      <c r="A48" s="95" t="s">
        <v>1277</v>
      </c>
      <c r="B48" s="166" t="s">
        <v>753</v>
      </c>
      <c r="C48" s="53"/>
      <c r="D48" s="357" t="s">
        <v>1275</v>
      </c>
      <c r="E48" s="326" t="s">
        <v>720</v>
      </c>
      <c r="F48" s="358" t="s">
        <v>1276</v>
      </c>
      <c r="G48" s="95" t="s">
        <v>389</v>
      </c>
      <c r="H48" s="95" t="s">
        <v>389</v>
      </c>
      <c r="I48" s="43" t="s">
        <v>728</v>
      </c>
      <c r="J48" s="332" t="s">
        <v>390</v>
      </c>
      <c r="K48" s="332" t="s">
        <v>457</v>
      </c>
      <c r="L48" s="241" t="s">
        <v>1256</v>
      </c>
      <c r="M48" s="95" t="s">
        <v>12</v>
      </c>
      <c r="N48" s="342" t="s">
        <v>1385</v>
      </c>
      <c r="O48" s="357" t="s">
        <v>1386</v>
      </c>
      <c r="P48" s="358" t="s">
        <v>1387</v>
      </c>
      <c r="Q48" s="114">
        <v>19559</v>
      </c>
      <c r="R48" s="365" t="s">
        <v>1953</v>
      </c>
      <c r="S48" s="365"/>
    </row>
    <row r="49" spans="1:18" ht="60" customHeight="1">
      <c r="A49" s="95" t="s">
        <v>1277</v>
      </c>
      <c r="B49" s="166" t="s">
        <v>754</v>
      </c>
      <c r="C49" s="359"/>
      <c r="D49" s="357" t="s">
        <v>1388</v>
      </c>
      <c r="E49" s="326" t="s">
        <v>720</v>
      </c>
      <c r="F49" s="358" t="s">
        <v>1389</v>
      </c>
      <c r="G49" s="43" t="s">
        <v>728</v>
      </c>
      <c r="H49" s="95" t="s">
        <v>389</v>
      </c>
      <c r="I49" s="43" t="s">
        <v>728</v>
      </c>
      <c r="J49" s="332" t="s">
        <v>390</v>
      </c>
      <c r="K49" s="332" t="s">
        <v>457</v>
      </c>
      <c r="L49" s="241" t="s">
        <v>723</v>
      </c>
      <c r="M49" s="332" t="s">
        <v>390</v>
      </c>
      <c r="N49" s="342" t="s">
        <v>1390</v>
      </c>
      <c r="O49" s="357" t="s">
        <v>1391</v>
      </c>
      <c r="P49" s="358" t="s">
        <v>526</v>
      </c>
      <c r="Q49" s="114">
        <v>30426</v>
      </c>
      <c r="R49" s="366" t="s">
        <v>1953</v>
      </c>
    </row>
  </sheetData>
  <autoFilter ref="A1:R49"/>
  <mergeCells count="8">
    <mergeCell ref="C32:C33"/>
    <mergeCell ref="C34:C35"/>
    <mergeCell ref="C41:C43"/>
    <mergeCell ref="C5:C6"/>
    <mergeCell ref="C13:C14"/>
    <mergeCell ref="C15:C16"/>
    <mergeCell ref="C17:C18"/>
    <mergeCell ref="C22:C23"/>
  </mergeCells>
  <phoneticPr fontId="19" type="noConversion"/>
  <pageMargins left="0.7" right="0.7" top="0.75" bottom="0.75" header="0.3" footer="0.3"/>
  <pageSetup paperSize="9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8" tint="0.59999389629810485"/>
  </sheetPr>
  <dimension ref="A1:Q75"/>
  <sheetViews>
    <sheetView zoomScale="70" zoomScaleNormal="70" workbookViewId="0">
      <selection activeCell="I4" sqref="I4"/>
    </sheetView>
  </sheetViews>
  <sheetFormatPr defaultColWidth="9" defaultRowHeight="50.15" customHeight="1"/>
  <cols>
    <col min="1" max="1" width="16" style="374" bestFit="1" customWidth="1"/>
    <col min="2" max="2" width="21.453125" style="374" customWidth="1"/>
    <col min="3" max="3" width="25.90625" style="374" customWidth="1"/>
    <col min="4" max="4" width="32" style="426" customWidth="1"/>
    <col min="5" max="5" width="8.26953125" style="427" customWidth="1"/>
    <col min="6" max="6" width="7.6328125" style="428" customWidth="1"/>
    <col min="7" max="7" width="10.90625" style="374" customWidth="1"/>
    <col min="8" max="8" width="14.90625" style="374" customWidth="1"/>
    <col min="9" max="9" width="6.90625" style="429" customWidth="1"/>
    <col min="10" max="10" width="12.81640625" style="430" customWidth="1"/>
    <col min="11" max="12" width="7.7265625" style="431" customWidth="1"/>
    <col min="13" max="13" width="10" style="431" customWidth="1"/>
    <col min="14" max="14" width="11.7265625" style="432" customWidth="1"/>
    <col min="15" max="15" width="17" style="512" customWidth="1"/>
    <col min="16" max="16" width="18.26953125" style="433" customWidth="1"/>
    <col min="17" max="17" width="11.453125" style="433" customWidth="1"/>
    <col min="18" max="16384" width="9" style="374"/>
  </cols>
  <sheetData>
    <row r="1" spans="1:17" ht="82.5" customHeight="1">
      <c r="A1" s="514" t="s">
        <v>1977</v>
      </c>
      <c r="B1" s="514" t="s">
        <v>1978</v>
      </c>
      <c r="C1" s="514" t="s">
        <v>1988</v>
      </c>
      <c r="D1" s="514" t="s">
        <v>1996</v>
      </c>
      <c r="E1" s="514" t="s">
        <v>160</v>
      </c>
      <c r="F1" s="514" t="s">
        <v>1997</v>
      </c>
      <c r="G1" s="514" t="s">
        <v>1998</v>
      </c>
      <c r="H1" s="514" t="s">
        <v>1999</v>
      </c>
      <c r="I1" s="514" t="s">
        <v>1</v>
      </c>
      <c r="J1" s="514" t="s">
        <v>2000</v>
      </c>
      <c r="K1" s="514" t="s">
        <v>161</v>
      </c>
      <c r="L1" s="514" t="s">
        <v>162</v>
      </c>
      <c r="M1" s="514" t="s">
        <v>163</v>
      </c>
      <c r="N1" s="514" t="s">
        <v>6</v>
      </c>
      <c r="O1" s="515" t="s">
        <v>1956</v>
      </c>
      <c r="P1" s="516" t="s">
        <v>1960</v>
      </c>
      <c r="Q1" s="516" t="s">
        <v>1961</v>
      </c>
    </row>
    <row r="2" spans="1:17" ht="16.5">
      <c r="A2" s="375" t="s">
        <v>379</v>
      </c>
      <c r="B2" s="376"/>
      <c r="C2" s="376"/>
      <c r="D2" s="376"/>
      <c r="E2" s="376"/>
      <c r="F2" s="376"/>
      <c r="G2" s="376"/>
      <c r="H2" s="376"/>
      <c r="I2" s="376"/>
      <c r="J2" s="376"/>
      <c r="K2" s="376"/>
      <c r="L2" s="376"/>
      <c r="M2" s="376"/>
      <c r="N2" s="376"/>
      <c r="O2" s="376"/>
      <c r="P2" s="513"/>
      <c r="Q2" s="513"/>
    </row>
    <row r="3" spans="1:17" s="377" customFormat="1" ht="50.15" customHeight="1">
      <c r="A3" s="115" t="s">
        <v>7</v>
      </c>
      <c r="B3" s="370" t="s">
        <v>466</v>
      </c>
      <c r="C3" s="220"/>
      <c r="D3" s="370" t="s">
        <v>171</v>
      </c>
      <c r="E3" s="371">
        <v>1</v>
      </c>
      <c r="F3" s="372">
        <v>8</v>
      </c>
      <c r="G3" s="370" t="s">
        <v>465</v>
      </c>
      <c r="H3" s="300" t="s">
        <v>221</v>
      </c>
      <c r="I3" s="373">
        <v>8</v>
      </c>
      <c r="J3" s="373">
        <v>1</v>
      </c>
      <c r="K3" s="115" t="s">
        <v>68</v>
      </c>
      <c r="L3" s="115" t="s">
        <v>67</v>
      </c>
      <c r="M3" s="115" t="s">
        <v>165</v>
      </c>
      <c r="N3" s="370" t="s">
        <v>467</v>
      </c>
      <c r="O3" s="505">
        <v>419</v>
      </c>
      <c r="P3" s="434" t="s">
        <v>1952</v>
      </c>
      <c r="Q3" s="434" t="s">
        <v>1954</v>
      </c>
    </row>
    <row r="4" spans="1:17" s="377" customFormat="1" ht="50.15" customHeight="1">
      <c r="A4" s="115" t="s">
        <v>7</v>
      </c>
      <c r="B4" s="370" t="s">
        <v>468</v>
      </c>
      <c r="C4" s="220"/>
      <c r="D4" s="370" t="s">
        <v>172</v>
      </c>
      <c r="E4" s="371">
        <v>1</v>
      </c>
      <c r="F4" s="372">
        <v>16</v>
      </c>
      <c r="G4" s="370" t="s">
        <v>465</v>
      </c>
      <c r="H4" s="300" t="s">
        <v>221</v>
      </c>
      <c r="I4" s="373">
        <v>8</v>
      </c>
      <c r="J4" s="373">
        <v>1</v>
      </c>
      <c r="K4" s="115" t="s">
        <v>68</v>
      </c>
      <c r="L4" s="115" t="s">
        <v>67</v>
      </c>
      <c r="M4" s="115" t="s">
        <v>165</v>
      </c>
      <c r="N4" s="370" t="s">
        <v>469</v>
      </c>
      <c r="O4" s="505">
        <v>429</v>
      </c>
      <c r="P4" s="434" t="s">
        <v>1952</v>
      </c>
      <c r="Q4" s="434" t="s">
        <v>1954</v>
      </c>
    </row>
    <row r="5" spans="1:17" s="377" customFormat="1" ht="50.15" customHeight="1">
      <c r="A5" s="115" t="s">
        <v>7</v>
      </c>
      <c r="B5" s="370" t="s">
        <v>471</v>
      </c>
      <c r="C5" s="220"/>
      <c r="D5" s="370" t="s">
        <v>174</v>
      </c>
      <c r="E5" s="371">
        <v>1</v>
      </c>
      <c r="F5" s="372">
        <v>8</v>
      </c>
      <c r="G5" s="370" t="s">
        <v>470</v>
      </c>
      <c r="H5" s="300" t="s">
        <v>221</v>
      </c>
      <c r="I5" s="373" t="s">
        <v>67</v>
      </c>
      <c r="J5" s="373">
        <v>1</v>
      </c>
      <c r="K5" s="115" t="s">
        <v>68</v>
      </c>
      <c r="L5" s="115" t="s">
        <v>67</v>
      </c>
      <c r="M5" s="115" t="s">
        <v>165</v>
      </c>
      <c r="N5" s="370" t="s">
        <v>472</v>
      </c>
      <c r="O5" s="505">
        <v>236</v>
      </c>
      <c r="P5" s="434" t="s">
        <v>1952</v>
      </c>
      <c r="Q5" s="434" t="s">
        <v>1954</v>
      </c>
    </row>
    <row r="6" spans="1:17" s="377" customFormat="1" ht="50.15" customHeight="1">
      <c r="A6" s="115" t="s">
        <v>7</v>
      </c>
      <c r="B6" s="370" t="s">
        <v>473</v>
      </c>
      <c r="C6" s="220"/>
      <c r="D6" s="370" t="s">
        <v>177</v>
      </c>
      <c r="E6" s="371">
        <v>1</v>
      </c>
      <c r="F6" s="372">
        <v>8</v>
      </c>
      <c r="G6" s="370" t="s">
        <v>465</v>
      </c>
      <c r="H6" s="300" t="s">
        <v>221</v>
      </c>
      <c r="I6" s="373">
        <v>8</v>
      </c>
      <c r="J6" s="373">
        <v>1</v>
      </c>
      <c r="K6" s="115" t="s">
        <v>68</v>
      </c>
      <c r="L6" s="115" t="s">
        <v>67</v>
      </c>
      <c r="M6" s="115" t="s">
        <v>86</v>
      </c>
      <c r="N6" s="370" t="s">
        <v>474</v>
      </c>
      <c r="O6" s="505">
        <v>419</v>
      </c>
      <c r="P6" s="434" t="s">
        <v>1952</v>
      </c>
      <c r="Q6" s="434" t="s">
        <v>1954</v>
      </c>
    </row>
    <row r="7" spans="1:17" s="381" customFormat="1" ht="50.15" customHeight="1">
      <c r="A7" s="264" t="s">
        <v>7</v>
      </c>
      <c r="B7" s="378" t="s">
        <v>540</v>
      </c>
      <c r="C7" s="379"/>
      <c r="D7" s="378" t="s">
        <v>541</v>
      </c>
      <c r="E7" s="371">
        <v>1</v>
      </c>
      <c r="F7" s="372">
        <v>4</v>
      </c>
      <c r="G7" s="378" t="s">
        <v>535</v>
      </c>
      <c r="H7" s="380" t="s">
        <v>536</v>
      </c>
      <c r="I7" s="264" t="s">
        <v>67</v>
      </c>
      <c r="J7" s="264">
        <v>1</v>
      </c>
      <c r="K7" s="264" t="s">
        <v>537</v>
      </c>
      <c r="L7" s="264" t="s">
        <v>67</v>
      </c>
      <c r="M7" s="264" t="s">
        <v>165</v>
      </c>
      <c r="N7" s="378" t="s">
        <v>542</v>
      </c>
      <c r="O7" s="504">
        <v>169</v>
      </c>
      <c r="P7" s="434" t="s">
        <v>1952</v>
      </c>
      <c r="Q7" s="434" t="s">
        <v>1954</v>
      </c>
    </row>
    <row r="8" spans="1:17" s="381" customFormat="1" ht="50.15" customHeight="1">
      <c r="A8" s="264" t="s">
        <v>7</v>
      </c>
      <c r="B8" s="378" t="s">
        <v>543</v>
      </c>
      <c r="C8" s="382"/>
      <c r="D8" s="378" t="s">
        <v>544</v>
      </c>
      <c r="E8" s="371">
        <v>1</v>
      </c>
      <c r="F8" s="372">
        <v>8</v>
      </c>
      <c r="G8" s="378" t="s">
        <v>538</v>
      </c>
      <c r="H8" s="380" t="s">
        <v>536</v>
      </c>
      <c r="I8" s="264" t="s">
        <v>67</v>
      </c>
      <c r="J8" s="264">
        <v>1</v>
      </c>
      <c r="K8" s="264" t="s">
        <v>537</v>
      </c>
      <c r="L8" s="264" t="s">
        <v>67</v>
      </c>
      <c r="M8" s="264" t="s">
        <v>165</v>
      </c>
      <c r="N8" s="378" t="s">
        <v>545</v>
      </c>
      <c r="O8" s="504">
        <v>203</v>
      </c>
      <c r="P8" s="434" t="s">
        <v>1952</v>
      </c>
      <c r="Q8" s="434" t="s">
        <v>1954</v>
      </c>
    </row>
    <row r="9" spans="1:17" s="381" customFormat="1" ht="50.15" customHeight="1">
      <c r="A9" s="264" t="s">
        <v>7</v>
      </c>
      <c r="B9" s="378" t="s">
        <v>1052</v>
      </c>
      <c r="C9" s="383"/>
      <c r="D9" s="378" t="s">
        <v>170</v>
      </c>
      <c r="E9" s="371">
        <v>1</v>
      </c>
      <c r="F9" s="372">
        <v>8</v>
      </c>
      <c r="G9" s="378" t="s">
        <v>538</v>
      </c>
      <c r="H9" s="380" t="s">
        <v>536</v>
      </c>
      <c r="I9" s="264">
        <v>8</v>
      </c>
      <c r="J9" s="264">
        <v>1</v>
      </c>
      <c r="K9" s="264" t="s">
        <v>537</v>
      </c>
      <c r="L9" s="264" t="s">
        <v>67</v>
      </c>
      <c r="M9" s="264" t="s">
        <v>165</v>
      </c>
      <c r="N9" s="378" t="s">
        <v>546</v>
      </c>
      <c r="O9" s="504">
        <v>362</v>
      </c>
      <c r="P9" s="434" t="s">
        <v>1952</v>
      </c>
      <c r="Q9" s="434" t="s">
        <v>1954</v>
      </c>
    </row>
    <row r="10" spans="1:17" s="389" customFormat="1" ht="50.15" customHeight="1">
      <c r="A10" s="115" t="s">
        <v>7</v>
      </c>
      <c r="B10" s="370" t="s">
        <v>1757</v>
      </c>
      <c r="C10" s="384"/>
      <c r="D10" s="385" t="s">
        <v>170</v>
      </c>
      <c r="E10" s="371">
        <v>1</v>
      </c>
      <c r="F10" s="371">
        <v>8</v>
      </c>
      <c r="G10" s="385" t="s">
        <v>538</v>
      </c>
      <c r="H10" s="386" t="s">
        <v>536</v>
      </c>
      <c r="I10" s="387">
        <v>8</v>
      </c>
      <c r="J10" s="388">
        <v>1</v>
      </c>
      <c r="K10" s="388" t="s">
        <v>537</v>
      </c>
      <c r="L10" s="388" t="s">
        <v>67</v>
      </c>
      <c r="M10" s="388" t="s">
        <v>165</v>
      </c>
      <c r="N10" s="385" t="s">
        <v>539</v>
      </c>
      <c r="O10" s="504">
        <v>351</v>
      </c>
      <c r="P10" s="435" t="s">
        <v>1952</v>
      </c>
      <c r="Q10" s="435" t="s">
        <v>1954</v>
      </c>
    </row>
    <row r="11" spans="1:17" s="60" customFormat="1" ht="50.15" customHeight="1">
      <c r="A11" s="43" t="s">
        <v>7</v>
      </c>
      <c r="B11" s="390" t="s">
        <v>1655</v>
      </c>
      <c r="C11" s="109"/>
      <c r="D11" s="391" t="s">
        <v>173</v>
      </c>
      <c r="E11" s="392">
        <v>1</v>
      </c>
      <c r="F11" s="393">
        <v>4</v>
      </c>
      <c r="G11" s="391" t="s">
        <v>167</v>
      </c>
      <c r="H11" s="394" t="s">
        <v>729</v>
      </c>
      <c r="I11" s="395" t="s">
        <v>67</v>
      </c>
      <c r="J11" s="395">
        <v>1</v>
      </c>
      <c r="K11" s="395" t="s">
        <v>537</v>
      </c>
      <c r="L11" s="395" t="s">
        <v>67</v>
      </c>
      <c r="M11" s="395" t="s">
        <v>165</v>
      </c>
      <c r="N11" s="391" t="s">
        <v>730</v>
      </c>
      <c r="O11" s="506">
        <v>181</v>
      </c>
      <c r="P11" s="436" t="s">
        <v>1952</v>
      </c>
      <c r="Q11" s="436"/>
    </row>
    <row r="12" spans="1:17" s="60" customFormat="1" ht="50.15" customHeight="1">
      <c r="A12" s="43" t="s">
        <v>7</v>
      </c>
      <c r="B12" s="390" t="s">
        <v>476</v>
      </c>
      <c r="C12" s="109"/>
      <c r="D12" s="391" t="s">
        <v>174</v>
      </c>
      <c r="E12" s="392">
        <v>1</v>
      </c>
      <c r="F12" s="393">
        <v>8</v>
      </c>
      <c r="G12" s="391" t="s">
        <v>167</v>
      </c>
      <c r="H12" s="394" t="s">
        <v>729</v>
      </c>
      <c r="I12" s="395" t="s">
        <v>67</v>
      </c>
      <c r="J12" s="395">
        <v>1</v>
      </c>
      <c r="K12" s="395" t="s">
        <v>537</v>
      </c>
      <c r="L12" s="395" t="s">
        <v>67</v>
      </c>
      <c r="M12" s="395" t="s">
        <v>165</v>
      </c>
      <c r="N12" s="391" t="s">
        <v>731</v>
      </c>
      <c r="O12" s="506">
        <v>215</v>
      </c>
      <c r="P12" s="436" t="s">
        <v>1952</v>
      </c>
      <c r="Q12" s="436"/>
    </row>
    <row r="13" spans="1:17" s="60" customFormat="1" ht="50.15" customHeight="1">
      <c r="A13" s="43" t="s">
        <v>7</v>
      </c>
      <c r="B13" s="390" t="s">
        <v>477</v>
      </c>
      <c r="C13" s="109"/>
      <c r="D13" s="391" t="s">
        <v>175</v>
      </c>
      <c r="E13" s="392">
        <v>1</v>
      </c>
      <c r="F13" s="393">
        <v>16</v>
      </c>
      <c r="G13" s="391" t="s">
        <v>167</v>
      </c>
      <c r="H13" s="394" t="s">
        <v>729</v>
      </c>
      <c r="I13" s="395" t="s">
        <v>67</v>
      </c>
      <c r="J13" s="395">
        <v>1</v>
      </c>
      <c r="K13" s="395" t="s">
        <v>537</v>
      </c>
      <c r="L13" s="395" t="s">
        <v>67</v>
      </c>
      <c r="M13" s="395" t="s">
        <v>165</v>
      </c>
      <c r="N13" s="391" t="s">
        <v>732</v>
      </c>
      <c r="O13" s="506">
        <v>237</v>
      </c>
      <c r="P13" s="436" t="s">
        <v>1952</v>
      </c>
      <c r="Q13" s="436"/>
    </row>
    <row r="14" spans="1:17" s="60" customFormat="1" ht="50.15" customHeight="1">
      <c r="A14" s="43" t="s">
        <v>7</v>
      </c>
      <c r="B14" s="390" t="s">
        <v>475</v>
      </c>
      <c r="C14" s="109"/>
      <c r="D14" s="391" t="s">
        <v>176</v>
      </c>
      <c r="E14" s="392">
        <v>1</v>
      </c>
      <c r="F14" s="393">
        <v>4</v>
      </c>
      <c r="G14" s="391" t="s">
        <v>167</v>
      </c>
      <c r="H14" s="394" t="s">
        <v>729</v>
      </c>
      <c r="I14" s="397">
        <v>4</v>
      </c>
      <c r="J14" s="395">
        <v>1</v>
      </c>
      <c r="K14" s="395" t="s">
        <v>537</v>
      </c>
      <c r="L14" s="395" t="s">
        <v>67</v>
      </c>
      <c r="M14" s="395" t="s">
        <v>86</v>
      </c>
      <c r="N14" s="391" t="s">
        <v>733</v>
      </c>
      <c r="O14" s="506">
        <v>294</v>
      </c>
      <c r="P14" s="436" t="s">
        <v>1952</v>
      </c>
      <c r="Q14" s="436"/>
    </row>
    <row r="15" spans="1:17" s="60" customFormat="1" ht="50.15" customHeight="1">
      <c r="A15" s="43" t="s">
        <v>7</v>
      </c>
      <c r="B15" s="390" t="s">
        <v>478</v>
      </c>
      <c r="C15" s="109"/>
      <c r="D15" s="391" t="s">
        <v>177</v>
      </c>
      <c r="E15" s="392">
        <v>1</v>
      </c>
      <c r="F15" s="393">
        <v>8</v>
      </c>
      <c r="G15" s="391" t="s">
        <v>167</v>
      </c>
      <c r="H15" s="394" t="s">
        <v>729</v>
      </c>
      <c r="I15" s="397">
        <v>8</v>
      </c>
      <c r="J15" s="395">
        <v>1</v>
      </c>
      <c r="K15" s="395" t="s">
        <v>537</v>
      </c>
      <c r="L15" s="395" t="s">
        <v>67</v>
      </c>
      <c r="M15" s="395" t="s">
        <v>86</v>
      </c>
      <c r="N15" s="391" t="s">
        <v>734</v>
      </c>
      <c r="O15" s="506">
        <v>374</v>
      </c>
      <c r="P15" s="436" t="s">
        <v>1952</v>
      </c>
      <c r="Q15" s="436"/>
    </row>
    <row r="16" spans="1:17" s="60" customFormat="1" ht="50.15" customHeight="1">
      <c r="A16" s="43" t="s">
        <v>7</v>
      </c>
      <c r="B16" s="390" t="s">
        <v>1751</v>
      </c>
      <c r="C16" s="109"/>
      <c r="D16" s="391" t="s">
        <v>735</v>
      </c>
      <c r="E16" s="392">
        <v>1</v>
      </c>
      <c r="F16" s="393">
        <v>4</v>
      </c>
      <c r="G16" s="391" t="s">
        <v>167</v>
      </c>
      <c r="H16" s="394" t="s">
        <v>729</v>
      </c>
      <c r="I16" s="397">
        <v>4</v>
      </c>
      <c r="J16" s="395">
        <v>1</v>
      </c>
      <c r="K16" s="395" t="s">
        <v>537</v>
      </c>
      <c r="L16" s="395" t="s">
        <v>67</v>
      </c>
      <c r="M16" s="395" t="s">
        <v>165</v>
      </c>
      <c r="N16" s="391" t="s">
        <v>736</v>
      </c>
      <c r="O16" s="506">
        <v>271</v>
      </c>
      <c r="P16" s="436" t="s">
        <v>1952</v>
      </c>
      <c r="Q16" s="436"/>
    </row>
    <row r="17" spans="1:17" s="60" customFormat="1" ht="50.15" customHeight="1">
      <c r="A17" s="43" t="s">
        <v>7</v>
      </c>
      <c r="B17" s="390" t="s">
        <v>479</v>
      </c>
      <c r="C17" s="109"/>
      <c r="D17" s="391" t="s">
        <v>171</v>
      </c>
      <c r="E17" s="392">
        <v>1</v>
      </c>
      <c r="F17" s="393">
        <v>8</v>
      </c>
      <c r="G17" s="391" t="s">
        <v>167</v>
      </c>
      <c r="H17" s="394" t="s">
        <v>729</v>
      </c>
      <c r="I17" s="397">
        <v>8</v>
      </c>
      <c r="J17" s="395">
        <v>1</v>
      </c>
      <c r="K17" s="395" t="s">
        <v>537</v>
      </c>
      <c r="L17" s="395" t="s">
        <v>67</v>
      </c>
      <c r="M17" s="395" t="s">
        <v>165</v>
      </c>
      <c r="N17" s="391" t="s">
        <v>737</v>
      </c>
      <c r="O17" s="506">
        <v>362</v>
      </c>
      <c r="P17" s="436" t="s">
        <v>1952</v>
      </c>
      <c r="Q17" s="436"/>
    </row>
    <row r="18" spans="1:17" s="60" customFormat="1" ht="50.15" customHeight="1">
      <c r="A18" s="43" t="s">
        <v>7</v>
      </c>
      <c r="B18" s="390" t="s">
        <v>757</v>
      </c>
      <c r="C18" s="109"/>
      <c r="D18" s="391" t="s">
        <v>172</v>
      </c>
      <c r="E18" s="392">
        <v>1</v>
      </c>
      <c r="F18" s="393">
        <v>16</v>
      </c>
      <c r="G18" s="391" t="s">
        <v>167</v>
      </c>
      <c r="H18" s="394" t="s">
        <v>729</v>
      </c>
      <c r="I18" s="397">
        <v>8</v>
      </c>
      <c r="J18" s="395">
        <v>1</v>
      </c>
      <c r="K18" s="395" t="s">
        <v>537</v>
      </c>
      <c r="L18" s="395" t="s">
        <v>67</v>
      </c>
      <c r="M18" s="395" t="s">
        <v>165</v>
      </c>
      <c r="N18" s="391" t="s">
        <v>738</v>
      </c>
      <c r="O18" s="506">
        <v>419</v>
      </c>
      <c r="P18" s="436" t="s">
        <v>1952</v>
      </c>
      <c r="Q18" s="436"/>
    </row>
    <row r="19" spans="1:17" s="400" customFormat="1" ht="50.15" customHeight="1">
      <c r="A19" s="42" t="s">
        <v>7</v>
      </c>
      <c r="B19" s="390" t="s">
        <v>206</v>
      </c>
      <c r="C19" s="101"/>
      <c r="D19" s="390" t="s">
        <v>173</v>
      </c>
      <c r="E19" s="398">
        <v>1</v>
      </c>
      <c r="F19" s="399">
        <v>4</v>
      </c>
      <c r="G19" s="390" t="s">
        <v>167</v>
      </c>
      <c r="H19" s="336" t="s">
        <v>220</v>
      </c>
      <c r="I19" s="397" t="s">
        <v>67</v>
      </c>
      <c r="J19" s="397">
        <v>1</v>
      </c>
      <c r="K19" s="42" t="s">
        <v>68</v>
      </c>
      <c r="L19" s="42" t="s">
        <v>67</v>
      </c>
      <c r="M19" s="42" t="s">
        <v>165</v>
      </c>
      <c r="N19" s="390" t="s">
        <v>205</v>
      </c>
      <c r="O19" s="506">
        <v>237</v>
      </c>
      <c r="P19" s="437" t="s">
        <v>1952</v>
      </c>
      <c r="Q19" s="437"/>
    </row>
    <row r="20" spans="1:17" s="400" customFormat="1" ht="50.15" customHeight="1">
      <c r="A20" s="42" t="s">
        <v>7</v>
      </c>
      <c r="B20" s="390" t="s">
        <v>204</v>
      </c>
      <c r="C20" s="101"/>
      <c r="D20" s="390" t="s">
        <v>174</v>
      </c>
      <c r="E20" s="398">
        <v>1</v>
      </c>
      <c r="F20" s="399">
        <v>8</v>
      </c>
      <c r="G20" s="390" t="s">
        <v>167</v>
      </c>
      <c r="H20" s="336" t="s">
        <v>220</v>
      </c>
      <c r="I20" s="397" t="s">
        <v>67</v>
      </c>
      <c r="J20" s="397">
        <v>1</v>
      </c>
      <c r="K20" s="42" t="s">
        <v>68</v>
      </c>
      <c r="L20" s="42" t="s">
        <v>67</v>
      </c>
      <c r="M20" s="42" t="s">
        <v>165</v>
      </c>
      <c r="N20" s="390" t="s">
        <v>203</v>
      </c>
      <c r="O20" s="506">
        <v>283</v>
      </c>
      <c r="P20" s="437" t="s">
        <v>1952</v>
      </c>
      <c r="Q20" s="437"/>
    </row>
    <row r="21" spans="1:17" s="400" customFormat="1" ht="50.15" customHeight="1">
      <c r="A21" s="42" t="s">
        <v>7</v>
      </c>
      <c r="B21" s="390" t="s">
        <v>202</v>
      </c>
      <c r="C21" s="101"/>
      <c r="D21" s="390" t="s">
        <v>175</v>
      </c>
      <c r="E21" s="398">
        <v>1</v>
      </c>
      <c r="F21" s="399">
        <v>16</v>
      </c>
      <c r="G21" s="390" t="s">
        <v>167</v>
      </c>
      <c r="H21" s="336" t="s">
        <v>220</v>
      </c>
      <c r="I21" s="397" t="s">
        <v>67</v>
      </c>
      <c r="J21" s="397">
        <v>1</v>
      </c>
      <c r="K21" s="42" t="s">
        <v>68</v>
      </c>
      <c r="L21" s="42" t="s">
        <v>67</v>
      </c>
      <c r="M21" s="42" t="s">
        <v>165</v>
      </c>
      <c r="N21" s="390" t="s">
        <v>201</v>
      </c>
      <c r="O21" s="506">
        <v>317</v>
      </c>
      <c r="P21" s="437" t="s">
        <v>1952</v>
      </c>
      <c r="Q21" s="437"/>
    </row>
    <row r="22" spans="1:17" s="400" customFormat="1" ht="50.15" customHeight="1">
      <c r="A22" s="42" t="s">
        <v>7</v>
      </c>
      <c r="B22" s="390" t="s">
        <v>243</v>
      </c>
      <c r="C22" s="101"/>
      <c r="D22" s="390" t="s">
        <v>169</v>
      </c>
      <c r="E22" s="398">
        <v>1</v>
      </c>
      <c r="F22" s="399">
        <v>4</v>
      </c>
      <c r="G22" s="390" t="s">
        <v>167</v>
      </c>
      <c r="H22" s="336" t="s">
        <v>220</v>
      </c>
      <c r="I22" s="397">
        <v>8</v>
      </c>
      <c r="J22" s="397">
        <v>1</v>
      </c>
      <c r="K22" s="42" t="s">
        <v>68</v>
      </c>
      <c r="L22" s="42" t="s">
        <v>67</v>
      </c>
      <c r="M22" s="42" t="s">
        <v>165</v>
      </c>
      <c r="N22" s="390" t="s">
        <v>209</v>
      </c>
      <c r="O22" s="506">
        <v>351</v>
      </c>
      <c r="P22" s="437" t="s">
        <v>1952</v>
      </c>
      <c r="Q22" s="437"/>
    </row>
    <row r="23" spans="1:17" s="400" customFormat="1" ht="50.15" customHeight="1">
      <c r="A23" s="42" t="s">
        <v>7</v>
      </c>
      <c r="B23" s="390" t="s">
        <v>178</v>
      </c>
      <c r="C23" s="101"/>
      <c r="D23" s="390" t="s">
        <v>170</v>
      </c>
      <c r="E23" s="398">
        <v>1</v>
      </c>
      <c r="F23" s="399">
        <v>8</v>
      </c>
      <c r="G23" s="390" t="s">
        <v>167</v>
      </c>
      <c r="H23" s="336" t="s">
        <v>220</v>
      </c>
      <c r="I23" s="397">
        <v>8</v>
      </c>
      <c r="J23" s="397">
        <v>1</v>
      </c>
      <c r="K23" s="42" t="s">
        <v>68</v>
      </c>
      <c r="L23" s="42" t="s">
        <v>67</v>
      </c>
      <c r="M23" s="42" t="s">
        <v>165</v>
      </c>
      <c r="N23" s="390" t="s">
        <v>87</v>
      </c>
      <c r="O23" s="506">
        <v>465</v>
      </c>
      <c r="P23" s="437" t="s">
        <v>1952</v>
      </c>
      <c r="Q23" s="437"/>
    </row>
    <row r="24" spans="1:17" s="400" customFormat="1" ht="50.15" customHeight="1">
      <c r="A24" s="42" t="s">
        <v>7</v>
      </c>
      <c r="B24" s="390" t="s">
        <v>482</v>
      </c>
      <c r="C24" s="101"/>
      <c r="D24" s="390" t="s">
        <v>483</v>
      </c>
      <c r="E24" s="398">
        <v>1</v>
      </c>
      <c r="F24" s="399">
        <v>16</v>
      </c>
      <c r="G24" s="390" t="s">
        <v>449</v>
      </c>
      <c r="H24" s="336" t="s">
        <v>220</v>
      </c>
      <c r="I24" s="397">
        <v>8</v>
      </c>
      <c r="J24" s="397">
        <v>1</v>
      </c>
      <c r="K24" s="42" t="s">
        <v>68</v>
      </c>
      <c r="L24" s="42" t="s">
        <v>67</v>
      </c>
      <c r="M24" s="42" t="s">
        <v>165</v>
      </c>
      <c r="N24" s="390" t="s">
        <v>484</v>
      </c>
      <c r="O24" s="506">
        <v>499</v>
      </c>
      <c r="P24" s="437" t="s">
        <v>1952</v>
      </c>
      <c r="Q24" s="437"/>
    </row>
    <row r="25" spans="1:17" s="400" customFormat="1" ht="50.15" customHeight="1">
      <c r="A25" s="42" t="s">
        <v>7</v>
      </c>
      <c r="B25" s="390" t="s">
        <v>208</v>
      </c>
      <c r="C25" s="101"/>
      <c r="D25" s="390" t="s">
        <v>169</v>
      </c>
      <c r="E25" s="398">
        <v>1</v>
      </c>
      <c r="F25" s="399">
        <v>4</v>
      </c>
      <c r="G25" s="390" t="s">
        <v>167</v>
      </c>
      <c r="H25" s="336" t="s">
        <v>220</v>
      </c>
      <c r="I25" s="397">
        <v>8</v>
      </c>
      <c r="J25" s="397">
        <v>1</v>
      </c>
      <c r="K25" s="42" t="s">
        <v>68</v>
      </c>
      <c r="L25" s="42" t="s">
        <v>67</v>
      </c>
      <c r="M25" s="42" t="s">
        <v>165</v>
      </c>
      <c r="N25" s="390" t="s">
        <v>207</v>
      </c>
      <c r="O25" s="506">
        <v>374</v>
      </c>
      <c r="P25" s="437" t="s">
        <v>1952</v>
      </c>
      <c r="Q25" s="437"/>
    </row>
    <row r="26" spans="1:17" s="400" customFormat="1" ht="50.15" customHeight="1">
      <c r="A26" s="42" t="s">
        <v>7</v>
      </c>
      <c r="B26" s="390" t="s">
        <v>179</v>
      </c>
      <c r="C26" s="101"/>
      <c r="D26" s="390" t="s">
        <v>170</v>
      </c>
      <c r="E26" s="398">
        <v>1</v>
      </c>
      <c r="F26" s="399">
        <v>8</v>
      </c>
      <c r="G26" s="390" t="s">
        <v>167</v>
      </c>
      <c r="H26" s="336" t="s">
        <v>220</v>
      </c>
      <c r="I26" s="397">
        <v>8</v>
      </c>
      <c r="J26" s="397">
        <v>1</v>
      </c>
      <c r="K26" s="42" t="s">
        <v>68</v>
      </c>
      <c r="L26" s="42" t="s">
        <v>67</v>
      </c>
      <c r="M26" s="42" t="s">
        <v>165</v>
      </c>
      <c r="N26" s="390" t="s">
        <v>88</v>
      </c>
      <c r="O26" s="506">
        <v>487</v>
      </c>
      <c r="P26" s="437" t="s">
        <v>1952</v>
      </c>
      <c r="Q26" s="437"/>
    </row>
    <row r="27" spans="1:17" ht="16.5">
      <c r="A27" s="367" t="s">
        <v>1908</v>
      </c>
      <c r="B27" s="367"/>
      <c r="C27" s="367"/>
      <c r="D27" s="367"/>
      <c r="E27" s="367"/>
      <c r="F27" s="367"/>
      <c r="G27" s="367"/>
      <c r="H27" s="367"/>
      <c r="I27" s="367"/>
      <c r="J27" s="367"/>
      <c r="K27" s="367"/>
      <c r="L27" s="367"/>
      <c r="M27" s="367"/>
      <c r="N27" s="367"/>
      <c r="O27" s="507"/>
      <c r="P27" s="513"/>
      <c r="Q27" s="513"/>
    </row>
    <row r="28" spans="1:17" s="400" customFormat="1" ht="50.15" customHeight="1">
      <c r="A28" s="42" t="s">
        <v>7</v>
      </c>
      <c r="B28" s="390" t="s">
        <v>1895</v>
      </c>
      <c r="C28" s="102"/>
      <c r="D28" s="390"/>
      <c r="E28" s="398"/>
      <c r="F28" s="399"/>
      <c r="G28" s="390"/>
      <c r="H28" s="336"/>
      <c r="I28" s="397"/>
      <c r="J28" s="397"/>
      <c r="K28" s="42"/>
      <c r="L28" s="42"/>
      <c r="M28" s="42"/>
      <c r="N28" s="390" t="s">
        <v>1909</v>
      </c>
      <c r="O28" s="506">
        <v>237</v>
      </c>
      <c r="P28" s="437" t="s">
        <v>1955</v>
      </c>
      <c r="Q28" s="437"/>
    </row>
    <row r="29" spans="1:17" s="400" customFormat="1" ht="50.15" customHeight="1">
      <c r="A29" s="42" t="s">
        <v>7</v>
      </c>
      <c r="B29" s="390" t="s">
        <v>1896</v>
      </c>
      <c r="C29" s="206"/>
      <c r="D29" s="390"/>
      <c r="E29" s="398"/>
      <c r="F29" s="399"/>
      <c r="G29" s="390"/>
      <c r="H29" s="336"/>
      <c r="I29" s="397"/>
      <c r="J29" s="397"/>
      <c r="K29" s="42"/>
      <c r="L29" s="42"/>
      <c r="M29" s="42"/>
      <c r="N29" s="390" t="s">
        <v>1902</v>
      </c>
      <c r="O29" s="506">
        <v>283</v>
      </c>
      <c r="P29" s="437" t="s">
        <v>1955</v>
      </c>
      <c r="Q29" s="437"/>
    </row>
    <row r="30" spans="1:17" s="400" customFormat="1" ht="50.15" customHeight="1">
      <c r="A30" s="42" t="s">
        <v>7</v>
      </c>
      <c r="B30" s="390" t="s">
        <v>1897</v>
      </c>
      <c r="C30" s="103"/>
      <c r="D30" s="390"/>
      <c r="E30" s="398"/>
      <c r="F30" s="399"/>
      <c r="G30" s="390"/>
      <c r="H30" s="336"/>
      <c r="I30" s="397"/>
      <c r="J30" s="397"/>
      <c r="K30" s="42"/>
      <c r="L30" s="42"/>
      <c r="M30" s="42"/>
      <c r="N30" s="390" t="s">
        <v>1903</v>
      </c>
      <c r="O30" s="506">
        <v>317</v>
      </c>
      <c r="P30" s="437" t="s">
        <v>1955</v>
      </c>
      <c r="Q30" s="437"/>
    </row>
    <row r="31" spans="1:17" s="400" customFormat="1" ht="50.15" customHeight="1">
      <c r="A31" s="42" t="s">
        <v>7</v>
      </c>
      <c r="B31" s="390" t="s">
        <v>1898</v>
      </c>
      <c r="C31" s="102"/>
      <c r="D31" s="390"/>
      <c r="E31" s="398"/>
      <c r="F31" s="399"/>
      <c r="G31" s="390"/>
      <c r="H31" s="336"/>
      <c r="I31" s="397"/>
      <c r="J31" s="397"/>
      <c r="K31" s="42"/>
      <c r="L31" s="42"/>
      <c r="M31" s="42"/>
      <c r="N31" s="390" t="s">
        <v>1904</v>
      </c>
      <c r="O31" s="506">
        <v>351</v>
      </c>
      <c r="P31" s="437" t="s">
        <v>1955</v>
      </c>
      <c r="Q31" s="437"/>
    </row>
    <row r="32" spans="1:17" s="400" customFormat="1" ht="50.15" customHeight="1">
      <c r="A32" s="42" t="s">
        <v>7</v>
      </c>
      <c r="B32" s="390" t="s">
        <v>1899</v>
      </c>
      <c r="C32" s="103"/>
      <c r="D32" s="390"/>
      <c r="E32" s="398"/>
      <c r="F32" s="399"/>
      <c r="G32" s="390"/>
      <c r="H32" s="336"/>
      <c r="I32" s="397"/>
      <c r="J32" s="397"/>
      <c r="K32" s="42"/>
      <c r="L32" s="42"/>
      <c r="M32" s="42"/>
      <c r="N32" s="390" t="s">
        <v>1905</v>
      </c>
      <c r="O32" s="506">
        <v>465</v>
      </c>
      <c r="P32" s="437" t="s">
        <v>1955</v>
      </c>
      <c r="Q32" s="437"/>
    </row>
    <row r="33" spans="1:17" s="400" customFormat="1" ht="50.15" customHeight="1">
      <c r="A33" s="42" t="s">
        <v>7</v>
      </c>
      <c r="B33" s="390" t="s">
        <v>1901</v>
      </c>
      <c r="C33" s="102" t="s">
        <v>1095</v>
      </c>
      <c r="D33" s="390"/>
      <c r="E33" s="398"/>
      <c r="F33" s="399"/>
      <c r="G33" s="390"/>
      <c r="H33" s="336"/>
      <c r="I33" s="397"/>
      <c r="J33" s="397"/>
      <c r="K33" s="42"/>
      <c r="L33" s="42"/>
      <c r="M33" s="42"/>
      <c r="N33" s="390" t="s">
        <v>1907</v>
      </c>
      <c r="O33" s="506">
        <v>374</v>
      </c>
      <c r="P33" s="437" t="s">
        <v>1955</v>
      </c>
      <c r="Q33" s="437"/>
    </row>
    <row r="34" spans="1:17" s="400" customFormat="1" ht="50.15" customHeight="1">
      <c r="A34" s="42" t="s">
        <v>7</v>
      </c>
      <c r="B34" s="390" t="s">
        <v>1900</v>
      </c>
      <c r="C34" s="103"/>
      <c r="D34" s="390"/>
      <c r="E34" s="398"/>
      <c r="F34" s="399"/>
      <c r="G34" s="390"/>
      <c r="H34" s="336"/>
      <c r="I34" s="397"/>
      <c r="J34" s="397"/>
      <c r="K34" s="42"/>
      <c r="L34" s="42"/>
      <c r="M34" s="42"/>
      <c r="N34" s="390" t="s">
        <v>1906</v>
      </c>
      <c r="O34" s="506">
        <v>487</v>
      </c>
      <c r="P34" s="437" t="s">
        <v>1955</v>
      </c>
      <c r="Q34" s="437"/>
    </row>
    <row r="35" spans="1:17" ht="16.5">
      <c r="A35" s="367" t="s">
        <v>380</v>
      </c>
      <c r="B35" s="367"/>
      <c r="C35" s="367"/>
      <c r="D35" s="367"/>
      <c r="E35" s="367"/>
      <c r="F35" s="367"/>
      <c r="G35" s="367"/>
      <c r="H35" s="367"/>
      <c r="I35" s="367"/>
      <c r="J35" s="367"/>
      <c r="K35" s="367"/>
      <c r="L35" s="367"/>
      <c r="M35" s="367"/>
      <c r="N35" s="367"/>
      <c r="O35" s="507"/>
      <c r="P35" s="513"/>
      <c r="Q35" s="513"/>
    </row>
    <row r="36" spans="1:17" s="400" customFormat="1" ht="66">
      <c r="A36" s="42" t="s">
        <v>7</v>
      </c>
      <c r="B36" s="336" t="s">
        <v>1874</v>
      </c>
      <c r="C36" s="401"/>
      <c r="D36" s="293" t="s">
        <v>183</v>
      </c>
      <c r="E36" s="398">
        <v>2</v>
      </c>
      <c r="F36" s="398">
        <v>16</v>
      </c>
      <c r="G36" s="369" t="s">
        <v>181</v>
      </c>
      <c r="H36" s="295" t="s">
        <v>221</v>
      </c>
      <c r="I36" s="397">
        <v>8</v>
      </c>
      <c r="J36" s="121">
        <v>1</v>
      </c>
      <c r="K36" s="121" t="s">
        <v>68</v>
      </c>
      <c r="L36" s="402" t="s">
        <v>85</v>
      </c>
      <c r="M36" s="121" t="s">
        <v>86</v>
      </c>
      <c r="N36" s="293" t="s">
        <v>1873</v>
      </c>
      <c r="O36" s="506">
        <v>494</v>
      </c>
      <c r="P36" s="437" t="s">
        <v>1952</v>
      </c>
      <c r="Q36" s="437"/>
    </row>
    <row r="37" spans="1:17" s="400" customFormat="1" ht="50.15" customHeight="1">
      <c r="A37" s="42" t="s">
        <v>7</v>
      </c>
      <c r="B37" s="336" t="s">
        <v>528</v>
      </c>
      <c r="C37" s="313"/>
      <c r="D37" s="403" t="s">
        <v>739</v>
      </c>
      <c r="E37" s="398">
        <v>2</v>
      </c>
      <c r="F37" s="399">
        <v>9</v>
      </c>
      <c r="G37" s="403" t="s">
        <v>181</v>
      </c>
      <c r="H37" s="325" t="s">
        <v>220</v>
      </c>
      <c r="I37" s="43" t="s">
        <v>67</v>
      </c>
      <c r="J37" s="43">
        <v>2</v>
      </c>
      <c r="K37" s="43" t="s">
        <v>68</v>
      </c>
      <c r="L37" s="43" t="s">
        <v>67</v>
      </c>
      <c r="M37" s="43" t="s">
        <v>86</v>
      </c>
      <c r="N37" s="314" t="s">
        <v>740</v>
      </c>
      <c r="O37" s="506">
        <v>442</v>
      </c>
      <c r="P37" s="437" t="s">
        <v>1952</v>
      </c>
      <c r="Q37" s="437"/>
    </row>
    <row r="38" spans="1:17" s="400" customFormat="1" ht="50.15" customHeight="1">
      <c r="A38" s="42" t="s">
        <v>7</v>
      </c>
      <c r="B38" s="336" t="s">
        <v>529</v>
      </c>
      <c r="C38" s="404"/>
      <c r="D38" s="403" t="s">
        <v>739</v>
      </c>
      <c r="E38" s="398">
        <v>2</v>
      </c>
      <c r="F38" s="399">
        <v>16</v>
      </c>
      <c r="G38" s="403" t="s">
        <v>181</v>
      </c>
      <c r="H38" s="325" t="s">
        <v>220</v>
      </c>
      <c r="I38" s="43" t="s">
        <v>67</v>
      </c>
      <c r="J38" s="43">
        <v>2</v>
      </c>
      <c r="K38" s="43" t="s">
        <v>68</v>
      </c>
      <c r="L38" s="43" t="s">
        <v>67</v>
      </c>
      <c r="M38" s="43" t="s">
        <v>86</v>
      </c>
      <c r="N38" s="314" t="s">
        <v>741</v>
      </c>
      <c r="O38" s="506">
        <v>487</v>
      </c>
      <c r="P38" s="437" t="s">
        <v>1952</v>
      </c>
      <c r="Q38" s="437"/>
    </row>
    <row r="39" spans="1:17" s="400" customFormat="1" ht="50.15" customHeight="1">
      <c r="A39" s="42" t="s">
        <v>7</v>
      </c>
      <c r="B39" s="336" t="s">
        <v>742</v>
      </c>
      <c r="C39" s="404"/>
      <c r="D39" s="390" t="s">
        <v>180</v>
      </c>
      <c r="E39" s="398">
        <v>2</v>
      </c>
      <c r="F39" s="399">
        <v>32</v>
      </c>
      <c r="G39" s="390" t="s">
        <v>181</v>
      </c>
      <c r="H39" s="336" t="s">
        <v>220</v>
      </c>
      <c r="I39" s="397" t="s">
        <v>67</v>
      </c>
      <c r="J39" s="397">
        <v>2</v>
      </c>
      <c r="K39" s="42" t="s">
        <v>68</v>
      </c>
      <c r="L39" s="42" t="s">
        <v>67</v>
      </c>
      <c r="M39" s="42" t="s">
        <v>86</v>
      </c>
      <c r="N39" s="335" t="s">
        <v>182</v>
      </c>
      <c r="O39" s="506">
        <v>510</v>
      </c>
      <c r="P39" s="437" t="s">
        <v>1952</v>
      </c>
      <c r="Q39" s="437"/>
    </row>
    <row r="40" spans="1:17" s="400" customFormat="1" ht="50.15" customHeight="1">
      <c r="A40" s="42" t="s">
        <v>7</v>
      </c>
      <c r="B40" s="336" t="s">
        <v>481</v>
      </c>
      <c r="C40" s="404"/>
      <c r="D40" s="335" t="s">
        <v>183</v>
      </c>
      <c r="E40" s="398">
        <v>2</v>
      </c>
      <c r="F40" s="399">
        <v>8</v>
      </c>
      <c r="G40" s="390" t="s">
        <v>181</v>
      </c>
      <c r="H40" s="336" t="s">
        <v>220</v>
      </c>
      <c r="I40" s="397">
        <v>8</v>
      </c>
      <c r="J40" s="397">
        <v>1</v>
      </c>
      <c r="K40" s="42" t="s">
        <v>68</v>
      </c>
      <c r="L40" s="42" t="s">
        <v>67</v>
      </c>
      <c r="M40" s="42" t="s">
        <v>86</v>
      </c>
      <c r="N40" s="335" t="s">
        <v>200</v>
      </c>
      <c r="O40" s="506">
        <v>624</v>
      </c>
      <c r="P40" s="437" t="s">
        <v>1952</v>
      </c>
      <c r="Q40" s="437"/>
    </row>
    <row r="41" spans="1:17" s="400" customFormat="1" ht="50.15" customHeight="1">
      <c r="A41" s="42" t="s">
        <v>7</v>
      </c>
      <c r="B41" s="336" t="s">
        <v>199</v>
      </c>
      <c r="C41" s="404"/>
      <c r="D41" s="335" t="s">
        <v>184</v>
      </c>
      <c r="E41" s="398">
        <v>2</v>
      </c>
      <c r="F41" s="399">
        <v>16</v>
      </c>
      <c r="G41" s="390" t="s">
        <v>181</v>
      </c>
      <c r="H41" s="336" t="s">
        <v>220</v>
      </c>
      <c r="I41" s="397">
        <v>16</v>
      </c>
      <c r="J41" s="397">
        <v>1</v>
      </c>
      <c r="K41" s="42" t="s">
        <v>68</v>
      </c>
      <c r="L41" s="42" t="s">
        <v>67</v>
      </c>
      <c r="M41" s="42" t="s">
        <v>86</v>
      </c>
      <c r="N41" s="335" t="s">
        <v>198</v>
      </c>
      <c r="O41" s="506">
        <v>828</v>
      </c>
      <c r="P41" s="437" t="s">
        <v>1952</v>
      </c>
      <c r="Q41" s="437"/>
    </row>
    <row r="42" spans="1:17" s="377" customFormat="1" ht="50.15" customHeight="1">
      <c r="A42" s="264" t="s">
        <v>898</v>
      </c>
      <c r="B42" s="378" t="s">
        <v>895</v>
      </c>
      <c r="C42" s="404"/>
      <c r="D42" s="348" t="s">
        <v>183</v>
      </c>
      <c r="E42" s="371">
        <v>2</v>
      </c>
      <c r="F42" s="372">
        <v>16</v>
      </c>
      <c r="G42" s="348" t="s">
        <v>181</v>
      </c>
      <c r="H42" s="380" t="s">
        <v>896</v>
      </c>
      <c r="I42" s="261">
        <v>8</v>
      </c>
      <c r="J42" s="264">
        <v>1</v>
      </c>
      <c r="K42" s="264" t="s">
        <v>68</v>
      </c>
      <c r="L42" s="405" t="s">
        <v>85</v>
      </c>
      <c r="M42" s="264" t="s">
        <v>86</v>
      </c>
      <c r="N42" s="378" t="s">
        <v>897</v>
      </c>
      <c r="O42" s="504"/>
      <c r="P42" s="434" t="s">
        <v>1952</v>
      </c>
      <c r="Q42" s="434" t="s">
        <v>1954</v>
      </c>
    </row>
    <row r="43" spans="1:17" s="400" customFormat="1" ht="50.15" customHeight="1">
      <c r="A43" s="395" t="s">
        <v>898</v>
      </c>
      <c r="B43" s="166" t="s">
        <v>1492</v>
      </c>
      <c r="C43" s="404"/>
      <c r="D43" s="406" t="s">
        <v>739</v>
      </c>
      <c r="E43" s="407">
        <v>2</v>
      </c>
      <c r="F43" s="408">
        <v>9</v>
      </c>
      <c r="G43" s="409" t="s">
        <v>1558</v>
      </c>
      <c r="H43" s="410" t="s">
        <v>1559</v>
      </c>
      <c r="I43" s="407" t="s">
        <v>67</v>
      </c>
      <c r="J43" s="407">
        <v>2</v>
      </c>
      <c r="K43" s="407" t="s">
        <v>68</v>
      </c>
      <c r="L43" s="411" t="s">
        <v>899</v>
      </c>
      <c r="M43" s="407" t="s">
        <v>86</v>
      </c>
      <c r="N43" s="409" t="s">
        <v>1560</v>
      </c>
      <c r="O43" s="506">
        <v>521</v>
      </c>
      <c r="P43" s="437" t="s">
        <v>1952</v>
      </c>
      <c r="Q43" s="437"/>
    </row>
    <row r="44" spans="1:17" s="400" customFormat="1" ht="50.15" customHeight="1">
      <c r="A44" s="395" t="s">
        <v>898</v>
      </c>
      <c r="B44" s="166" t="s">
        <v>1472</v>
      </c>
      <c r="C44" s="404"/>
      <c r="D44" s="406" t="s">
        <v>1561</v>
      </c>
      <c r="E44" s="407">
        <v>2</v>
      </c>
      <c r="F44" s="408">
        <v>16</v>
      </c>
      <c r="G44" s="409" t="s">
        <v>1558</v>
      </c>
      <c r="H44" s="410" t="s">
        <v>1562</v>
      </c>
      <c r="I44" s="407" t="s">
        <v>67</v>
      </c>
      <c r="J44" s="407">
        <v>2</v>
      </c>
      <c r="K44" s="407" t="s">
        <v>68</v>
      </c>
      <c r="L44" s="411" t="s">
        <v>899</v>
      </c>
      <c r="M44" s="407" t="s">
        <v>86</v>
      </c>
      <c r="N44" s="409" t="s">
        <v>1563</v>
      </c>
      <c r="O44" s="506">
        <v>590</v>
      </c>
      <c r="P44" s="437" t="s">
        <v>1952</v>
      </c>
      <c r="Q44" s="437"/>
    </row>
    <row r="45" spans="1:17" s="400" customFormat="1" ht="50.15" customHeight="1">
      <c r="A45" s="395" t="s">
        <v>898</v>
      </c>
      <c r="B45" s="166" t="s">
        <v>1473</v>
      </c>
      <c r="C45" s="404"/>
      <c r="D45" s="406" t="s">
        <v>180</v>
      </c>
      <c r="E45" s="407">
        <v>2</v>
      </c>
      <c r="F45" s="408">
        <v>32</v>
      </c>
      <c r="G45" s="409" t="s">
        <v>1558</v>
      </c>
      <c r="H45" s="410" t="s">
        <v>1562</v>
      </c>
      <c r="I45" s="407" t="s">
        <v>67</v>
      </c>
      <c r="J45" s="407">
        <v>2</v>
      </c>
      <c r="K45" s="407" t="s">
        <v>68</v>
      </c>
      <c r="L45" s="411" t="s">
        <v>899</v>
      </c>
      <c r="M45" s="407" t="s">
        <v>86</v>
      </c>
      <c r="N45" s="409" t="s">
        <v>1564</v>
      </c>
      <c r="O45" s="506">
        <v>680</v>
      </c>
      <c r="P45" s="437" t="s">
        <v>1952</v>
      </c>
      <c r="Q45" s="437"/>
    </row>
    <row r="46" spans="1:17" s="400" customFormat="1" ht="50.15" customHeight="1">
      <c r="A46" s="395" t="s">
        <v>898</v>
      </c>
      <c r="B46" s="166" t="s">
        <v>1470</v>
      </c>
      <c r="C46" s="404"/>
      <c r="D46" s="406" t="s">
        <v>1565</v>
      </c>
      <c r="E46" s="407">
        <v>2</v>
      </c>
      <c r="F46" s="408">
        <v>8</v>
      </c>
      <c r="G46" s="409" t="s">
        <v>1558</v>
      </c>
      <c r="H46" s="410" t="s">
        <v>1562</v>
      </c>
      <c r="I46" s="407">
        <v>8</v>
      </c>
      <c r="J46" s="407">
        <v>1</v>
      </c>
      <c r="K46" s="407" t="s">
        <v>68</v>
      </c>
      <c r="L46" s="411" t="s">
        <v>899</v>
      </c>
      <c r="M46" s="407" t="s">
        <v>86</v>
      </c>
      <c r="N46" s="409" t="s">
        <v>1566</v>
      </c>
      <c r="O46" s="506">
        <v>794</v>
      </c>
      <c r="P46" s="437" t="s">
        <v>1952</v>
      </c>
      <c r="Q46" s="437"/>
    </row>
    <row r="47" spans="1:17" s="400" customFormat="1" ht="50.15" customHeight="1">
      <c r="A47" s="395" t="s">
        <v>898</v>
      </c>
      <c r="B47" s="403" t="s">
        <v>1471</v>
      </c>
      <c r="C47" s="316"/>
      <c r="D47" s="406" t="s">
        <v>184</v>
      </c>
      <c r="E47" s="407">
        <v>2</v>
      </c>
      <c r="F47" s="408">
        <v>16</v>
      </c>
      <c r="G47" s="409" t="s">
        <v>1558</v>
      </c>
      <c r="H47" s="410" t="s">
        <v>1562</v>
      </c>
      <c r="I47" s="407">
        <v>16</v>
      </c>
      <c r="J47" s="407">
        <v>1</v>
      </c>
      <c r="K47" s="407" t="s">
        <v>68</v>
      </c>
      <c r="L47" s="411" t="s">
        <v>899</v>
      </c>
      <c r="M47" s="407" t="s">
        <v>86</v>
      </c>
      <c r="N47" s="409" t="s">
        <v>1567</v>
      </c>
      <c r="O47" s="506">
        <v>1021</v>
      </c>
      <c r="P47" s="437" t="s">
        <v>1952</v>
      </c>
      <c r="Q47" s="437"/>
    </row>
    <row r="48" spans="1:17" ht="16.5">
      <c r="A48" s="368" t="s">
        <v>743</v>
      </c>
      <c r="B48" s="368"/>
      <c r="C48" s="368"/>
      <c r="D48" s="368"/>
      <c r="E48" s="368"/>
      <c r="F48" s="368"/>
      <c r="G48" s="368"/>
      <c r="H48" s="368"/>
      <c r="I48" s="368"/>
      <c r="J48" s="368"/>
      <c r="K48" s="368"/>
      <c r="L48" s="368"/>
      <c r="M48" s="368"/>
      <c r="N48" s="368"/>
      <c r="O48" s="508"/>
      <c r="P48" s="513"/>
      <c r="Q48" s="513"/>
    </row>
    <row r="49" spans="1:17" s="400" customFormat="1" ht="50.15" customHeight="1">
      <c r="A49" s="42" t="s">
        <v>7</v>
      </c>
      <c r="B49" s="390" t="s">
        <v>758</v>
      </c>
      <c r="C49" s="412"/>
      <c r="D49" s="336" t="s">
        <v>185</v>
      </c>
      <c r="E49" s="398">
        <v>4</v>
      </c>
      <c r="F49" s="399">
        <v>16</v>
      </c>
      <c r="G49" s="390" t="s">
        <v>186</v>
      </c>
      <c r="H49" s="336" t="s">
        <v>220</v>
      </c>
      <c r="I49" s="397" t="s">
        <v>67</v>
      </c>
      <c r="J49" s="397">
        <v>2</v>
      </c>
      <c r="K49" s="42" t="s">
        <v>68</v>
      </c>
      <c r="L49" s="42" t="s">
        <v>67</v>
      </c>
      <c r="M49" s="42" t="s">
        <v>86</v>
      </c>
      <c r="N49" s="335" t="s">
        <v>89</v>
      </c>
      <c r="O49" s="506">
        <v>578</v>
      </c>
      <c r="P49" s="437" t="s">
        <v>1952</v>
      </c>
      <c r="Q49" s="437"/>
    </row>
    <row r="50" spans="1:17" s="400" customFormat="1" ht="50.15" customHeight="1">
      <c r="A50" s="42" t="s">
        <v>7</v>
      </c>
      <c r="B50" s="390" t="s">
        <v>759</v>
      </c>
      <c r="C50" s="412"/>
      <c r="D50" s="336" t="s">
        <v>187</v>
      </c>
      <c r="E50" s="398">
        <v>4</v>
      </c>
      <c r="F50" s="399">
        <v>32</v>
      </c>
      <c r="G50" s="390" t="s">
        <v>181</v>
      </c>
      <c r="H50" s="336" t="s">
        <v>220</v>
      </c>
      <c r="I50" s="397" t="s">
        <v>67</v>
      </c>
      <c r="J50" s="397">
        <v>2</v>
      </c>
      <c r="K50" s="42" t="s">
        <v>68</v>
      </c>
      <c r="L50" s="42" t="s">
        <v>67</v>
      </c>
      <c r="M50" s="42" t="s">
        <v>86</v>
      </c>
      <c r="N50" s="335" t="s">
        <v>90</v>
      </c>
      <c r="O50" s="506">
        <v>658</v>
      </c>
      <c r="P50" s="437" t="s">
        <v>1952</v>
      </c>
      <c r="Q50" s="437"/>
    </row>
    <row r="51" spans="1:17" s="400" customFormat="1" ht="50.15" customHeight="1">
      <c r="A51" s="42" t="s">
        <v>7</v>
      </c>
      <c r="B51" s="390" t="s">
        <v>554</v>
      </c>
      <c r="C51" s="412"/>
      <c r="D51" s="336" t="s">
        <v>555</v>
      </c>
      <c r="E51" s="398">
        <v>4</v>
      </c>
      <c r="F51" s="399">
        <v>16</v>
      </c>
      <c r="G51" s="390" t="s">
        <v>556</v>
      </c>
      <c r="H51" s="336" t="s">
        <v>220</v>
      </c>
      <c r="I51" s="397">
        <v>16</v>
      </c>
      <c r="J51" s="397">
        <v>1</v>
      </c>
      <c r="K51" s="42" t="s">
        <v>68</v>
      </c>
      <c r="L51" s="413" t="s">
        <v>547</v>
      </c>
      <c r="M51" s="42" t="s">
        <v>548</v>
      </c>
      <c r="N51" s="335" t="s">
        <v>549</v>
      </c>
      <c r="O51" s="506">
        <v>1135</v>
      </c>
      <c r="P51" s="437" t="s">
        <v>1952</v>
      </c>
      <c r="Q51" s="437"/>
    </row>
    <row r="52" spans="1:17" s="400" customFormat="1" ht="50.15" customHeight="1">
      <c r="A52" s="42" t="s">
        <v>7</v>
      </c>
      <c r="B52" s="390" t="s">
        <v>550</v>
      </c>
      <c r="C52" s="412"/>
      <c r="D52" s="336" t="s">
        <v>551</v>
      </c>
      <c r="E52" s="398">
        <v>4</v>
      </c>
      <c r="F52" s="399">
        <v>32</v>
      </c>
      <c r="G52" s="390" t="s">
        <v>552</v>
      </c>
      <c r="H52" s="336" t="s">
        <v>220</v>
      </c>
      <c r="I52" s="397">
        <v>16</v>
      </c>
      <c r="J52" s="397">
        <v>1</v>
      </c>
      <c r="K52" s="42" t="s">
        <v>68</v>
      </c>
      <c r="L52" s="413" t="s">
        <v>547</v>
      </c>
      <c r="M52" s="42" t="s">
        <v>548</v>
      </c>
      <c r="N52" s="335" t="s">
        <v>553</v>
      </c>
      <c r="O52" s="506">
        <v>1248</v>
      </c>
      <c r="P52" s="437" t="s">
        <v>1952</v>
      </c>
      <c r="Q52" s="437"/>
    </row>
    <row r="53" spans="1:17" s="400" customFormat="1" ht="50.15" customHeight="1">
      <c r="A53" s="42" t="s">
        <v>557</v>
      </c>
      <c r="B53" s="166" t="s">
        <v>1474</v>
      </c>
      <c r="C53" s="313"/>
      <c r="D53" s="410" t="s">
        <v>1568</v>
      </c>
      <c r="E53" s="407">
        <v>4</v>
      </c>
      <c r="F53" s="408">
        <v>16</v>
      </c>
      <c r="G53" s="409" t="s">
        <v>1558</v>
      </c>
      <c r="H53" s="410" t="s">
        <v>1562</v>
      </c>
      <c r="I53" s="407" t="s">
        <v>67</v>
      </c>
      <c r="J53" s="407">
        <v>2</v>
      </c>
      <c r="K53" s="407" t="s">
        <v>68</v>
      </c>
      <c r="L53" s="411" t="s">
        <v>965</v>
      </c>
      <c r="M53" s="407" t="s">
        <v>86</v>
      </c>
      <c r="N53" s="409" t="s">
        <v>1569</v>
      </c>
      <c r="O53" s="506">
        <v>692</v>
      </c>
      <c r="P53" s="437" t="s">
        <v>1952</v>
      </c>
      <c r="Q53" s="437"/>
    </row>
    <row r="54" spans="1:17" s="400" customFormat="1" ht="50.15" customHeight="1">
      <c r="A54" s="42" t="s">
        <v>557</v>
      </c>
      <c r="B54" s="166" t="s">
        <v>1475</v>
      </c>
      <c r="C54" s="404"/>
      <c r="D54" s="410" t="s">
        <v>1570</v>
      </c>
      <c r="E54" s="407">
        <v>4</v>
      </c>
      <c r="F54" s="408">
        <v>32</v>
      </c>
      <c r="G54" s="409" t="s">
        <v>1571</v>
      </c>
      <c r="H54" s="410" t="s">
        <v>1562</v>
      </c>
      <c r="I54" s="407" t="s">
        <v>67</v>
      </c>
      <c r="J54" s="407">
        <v>2</v>
      </c>
      <c r="K54" s="407" t="s">
        <v>68</v>
      </c>
      <c r="L54" s="411" t="s">
        <v>965</v>
      </c>
      <c r="M54" s="407" t="s">
        <v>86</v>
      </c>
      <c r="N54" s="409" t="s">
        <v>1572</v>
      </c>
      <c r="O54" s="506">
        <v>794</v>
      </c>
      <c r="P54" s="437" t="s">
        <v>1952</v>
      </c>
      <c r="Q54" s="437"/>
    </row>
    <row r="55" spans="1:17" s="400" customFormat="1" ht="50.15" customHeight="1">
      <c r="A55" s="42" t="s">
        <v>557</v>
      </c>
      <c r="B55" s="166" t="s">
        <v>1748</v>
      </c>
      <c r="C55" s="316"/>
      <c r="D55" s="410" t="s">
        <v>1758</v>
      </c>
      <c r="E55" s="407">
        <v>4</v>
      </c>
      <c r="F55" s="408" t="s">
        <v>1759</v>
      </c>
      <c r="G55" s="409" t="s">
        <v>1571</v>
      </c>
      <c r="H55" s="410" t="s">
        <v>1562</v>
      </c>
      <c r="I55" s="407" t="s">
        <v>67</v>
      </c>
      <c r="J55" s="407">
        <v>2</v>
      </c>
      <c r="K55" s="407" t="s">
        <v>68</v>
      </c>
      <c r="L55" s="411" t="s">
        <v>965</v>
      </c>
      <c r="M55" s="407" t="s">
        <v>86</v>
      </c>
      <c r="N55" s="414" t="s">
        <v>1749</v>
      </c>
      <c r="O55" s="506">
        <v>879</v>
      </c>
      <c r="P55" s="437" t="s">
        <v>1955</v>
      </c>
      <c r="Q55" s="437"/>
    </row>
    <row r="56" spans="1:17" s="400" customFormat="1" ht="50.15" customHeight="1">
      <c r="A56" s="42" t="s">
        <v>557</v>
      </c>
      <c r="B56" s="166" t="s">
        <v>1476</v>
      </c>
      <c r="C56" s="313"/>
      <c r="D56" s="410" t="s">
        <v>1573</v>
      </c>
      <c r="E56" s="407">
        <v>4</v>
      </c>
      <c r="F56" s="408">
        <v>16</v>
      </c>
      <c r="G56" s="409" t="s">
        <v>1571</v>
      </c>
      <c r="H56" s="410" t="s">
        <v>1562</v>
      </c>
      <c r="I56" s="407">
        <v>16</v>
      </c>
      <c r="J56" s="407">
        <v>1</v>
      </c>
      <c r="K56" s="407" t="s">
        <v>68</v>
      </c>
      <c r="L56" s="411" t="s">
        <v>965</v>
      </c>
      <c r="M56" s="407" t="s">
        <v>1574</v>
      </c>
      <c r="N56" s="409" t="s">
        <v>1575</v>
      </c>
      <c r="O56" s="506">
        <v>1248</v>
      </c>
      <c r="P56" s="437" t="s">
        <v>1952</v>
      </c>
      <c r="Q56" s="437"/>
    </row>
    <row r="57" spans="1:17" s="400" customFormat="1" ht="50.15" customHeight="1">
      <c r="A57" s="42" t="s">
        <v>557</v>
      </c>
      <c r="B57" s="403" t="s">
        <v>1477</v>
      </c>
      <c r="C57" s="316"/>
      <c r="D57" s="410" t="s">
        <v>1576</v>
      </c>
      <c r="E57" s="407" t="s">
        <v>1750</v>
      </c>
      <c r="F57" s="408">
        <v>32</v>
      </c>
      <c r="G57" s="409" t="s">
        <v>1571</v>
      </c>
      <c r="H57" s="410" t="s">
        <v>1562</v>
      </c>
      <c r="I57" s="407">
        <v>16</v>
      </c>
      <c r="J57" s="407">
        <v>1</v>
      </c>
      <c r="K57" s="407" t="s">
        <v>68</v>
      </c>
      <c r="L57" s="411" t="s">
        <v>965</v>
      </c>
      <c r="M57" s="407" t="s">
        <v>1574</v>
      </c>
      <c r="N57" s="409" t="s">
        <v>1577</v>
      </c>
      <c r="O57" s="506">
        <v>1362</v>
      </c>
      <c r="P57" s="437" t="s">
        <v>1952</v>
      </c>
      <c r="Q57" s="437"/>
    </row>
    <row r="58" spans="1:17" s="400" customFormat="1" ht="50.15" customHeight="1">
      <c r="A58" s="42" t="s">
        <v>557</v>
      </c>
      <c r="B58" s="390" t="s">
        <v>891</v>
      </c>
      <c r="C58" s="313"/>
      <c r="D58" s="310" t="s">
        <v>963</v>
      </c>
      <c r="E58" s="203">
        <v>4</v>
      </c>
      <c r="F58" s="202">
        <v>16</v>
      </c>
      <c r="G58" s="415" t="s">
        <v>964</v>
      </c>
      <c r="H58" s="310" t="s">
        <v>896</v>
      </c>
      <c r="I58" s="203" t="s">
        <v>67</v>
      </c>
      <c r="J58" s="203">
        <v>2</v>
      </c>
      <c r="K58" s="203" t="s">
        <v>68</v>
      </c>
      <c r="L58" s="203" t="s">
        <v>965</v>
      </c>
      <c r="M58" s="203" t="s">
        <v>966</v>
      </c>
      <c r="N58" s="308" t="s">
        <v>967</v>
      </c>
      <c r="O58" s="506">
        <v>2498</v>
      </c>
      <c r="P58" s="437" t="s">
        <v>1952</v>
      </c>
      <c r="Q58" s="437"/>
    </row>
    <row r="59" spans="1:17" s="400" customFormat="1" ht="50.15" customHeight="1">
      <c r="A59" s="42" t="s">
        <v>1278</v>
      </c>
      <c r="B59" s="390" t="s">
        <v>532</v>
      </c>
      <c r="C59" s="404"/>
      <c r="D59" s="310" t="s">
        <v>968</v>
      </c>
      <c r="E59" s="203">
        <v>4</v>
      </c>
      <c r="F59" s="202">
        <v>32</v>
      </c>
      <c r="G59" s="415" t="s">
        <v>964</v>
      </c>
      <c r="H59" s="310" t="s">
        <v>896</v>
      </c>
      <c r="I59" s="203" t="s">
        <v>67</v>
      </c>
      <c r="J59" s="203">
        <v>2</v>
      </c>
      <c r="K59" s="203" t="s">
        <v>68</v>
      </c>
      <c r="L59" s="203" t="s">
        <v>965</v>
      </c>
      <c r="M59" s="203" t="s">
        <v>966</v>
      </c>
      <c r="N59" s="308" t="s">
        <v>969</v>
      </c>
      <c r="O59" s="506">
        <v>2839</v>
      </c>
      <c r="P59" s="437" t="s">
        <v>1952</v>
      </c>
      <c r="Q59" s="437"/>
    </row>
    <row r="60" spans="1:17" s="400" customFormat="1" ht="50.15" customHeight="1">
      <c r="A60" s="42" t="s">
        <v>1278</v>
      </c>
      <c r="B60" s="390" t="s">
        <v>1279</v>
      </c>
      <c r="C60" s="404"/>
      <c r="D60" s="310" t="s">
        <v>970</v>
      </c>
      <c r="E60" s="203">
        <v>8</v>
      </c>
      <c r="F60" s="202">
        <v>16</v>
      </c>
      <c r="G60" s="415" t="s">
        <v>964</v>
      </c>
      <c r="H60" s="310" t="s">
        <v>896</v>
      </c>
      <c r="I60" s="203" t="s">
        <v>67</v>
      </c>
      <c r="J60" s="203">
        <v>2</v>
      </c>
      <c r="K60" s="203" t="s">
        <v>68</v>
      </c>
      <c r="L60" s="203" t="s">
        <v>965</v>
      </c>
      <c r="M60" s="203" t="s">
        <v>966</v>
      </c>
      <c r="N60" s="308" t="s">
        <v>971</v>
      </c>
      <c r="O60" s="506">
        <v>3293</v>
      </c>
      <c r="P60" s="437" t="s">
        <v>1953</v>
      </c>
      <c r="Q60" s="437"/>
    </row>
    <row r="61" spans="1:17" s="400" customFormat="1" ht="50.15" customHeight="1">
      <c r="A61" s="42" t="s">
        <v>1278</v>
      </c>
      <c r="B61" s="390" t="s">
        <v>1280</v>
      </c>
      <c r="C61" s="404"/>
      <c r="D61" s="310" t="s">
        <v>972</v>
      </c>
      <c r="E61" s="203">
        <v>8</v>
      </c>
      <c r="F61" s="202">
        <v>32</v>
      </c>
      <c r="G61" s="415" t="s">
        <v>964</v>
      </c>
      <c r="H61" s="310" t="s">
        <v>896</v>
      </c>
      <c r="I61" s="203" t="s">
        <v>67</v>
      </c>
      <c r="J61" s="203">
        <v>2</v>
      </c>
      <c r="K61" s="203" t="s">
        <v>68</v>
      </c>
      <c r="L61" s="203" t="s">
        <v>965</v>
      </c>
      <c r="M61" s="203" t="s">
        <v>966</v>
      </c>
      <c r="N61" s="308" t="s">
        <v>973</v>
      </c>
      <c r="O61" s="506">
        <v>3634</v>
      </c>
      <c r="P61" s="437" t="s">
        <v>1952</v>
      </c>
      <c r="Q61" s="437"/>
    </row>
    <row r="62" spans="1:17" s="400" customFormat="1" ht="50.15" customHeight="1">
      <c r="A62" s="42" t="s">
        <v>1278</v>
      </c>
      <c r="B62" s="390" t="s">
        <v>533</v>
      </c>
      <c r="C62" s="316"/>
      <c r="D62" s="310" t="s">
        <v>974</v>
      </c>
      <c r="E62" s="203">
        <v>8</v>
      </c>
      <c r="F62" s="202">
        <v>64</v>
      </c>
      <c r="G62" s="415" t="s">
        <v>964</v>
      </c>
      <c r="H62" s="310" t="s">
        <v>896</v>
      </c>
      <c r="I62" s="203" t="s">
        <v>67</v>
      </c>
      <c r="J62" s="203">
        <v>2</v>
      </c>
      <c r="K62" s="203" t="s">
        <v>68</v>
      </c>
      <c r="L62" s="203" t="s">
        <v>965</v>
      </c>
      <c r="M62" s="203" t="s">
        <v>966</v>
      </c>
      <c r="N62" s="308" t="s">
        <v>975</v>
      </c>
      <c r="O62" s="506">
        <v>4088</v>
      </c>
      <c r="P62" s="437" t="s">
        <v>1952</v>
      </c>
      <c r="Q62" s="437"/>
    </row>
    <row r="63" spans="1:17" ht="16.5">
      <c r="A63" s="416" t="s">
        <v>381</v>
      </c>
      <c r="B63" s="180"/>
      <c r="C63" s="180"/>
      <c r="D63" s="180"/>
      <c r="E63" s="180"/>
      <c r="F63" s="180"/>
      <c r="G63" s="180"/>
      <c r="H63" s="180"/>
      <c r="I63" s="180"/>
      <c r="J63" s="180"/>
      <c r="K63" s="180"/>
      <c r="L63" s="180"/>
      <c r="M63" s="180"/>
      <c r="N63" s="180"/>
      <c r="O63" s="509"/>
      <c r="P63" s="513"/>
      <c r="Q63" s="513"/>
    </row>
    <row r="64" spans="1:17" s="39" customFormat="1" ht="16.5">
      <c r="A64" s="129" t="s">
        <v>501</v>
      </c>
      <c r="B64" s="130"/>
      <c r="C64" s="130"/>
      <c r="D64" s="130"/>
      <c r="E64" s="130"/>
      <c r="F64" s="130"/>
      <c r="G64" s="130"/>
      <c r="H64" s="130"/>
      <c r="I64" s="130"/>
      <c r="J64" s="130"/>
      <c r="K64" s="130"/>
      <c r="L64" s="130"/>
      <c r="M64" s="130"/>
      <c r="N64" s="130"/>
      <c r="O64" s="510"/>
      <c r="P64" s="502"/>
      <c r="Q64" s="502"/>
    </row>
    <row r="65" spans="1:17" s="41" customFormat="1" ht="50.15" customHeight="1">
      <c r="A65" s="53" t="s">
        <v>503</v>
      </c>
      <c r="B65" s="417" t="s">
        <v>524</v>
      </c>
      <c r="C65" s="418" t="s">
        <v>760</v>
      </c>
      <c r="D65" s="394" t="s">
        <v>982</v>
      </c>
      <c r="E65" s="395">
        <v>16</v>
      </c>
      <c r="F65" s="419">
        <v>64</v>
      </c>
      <c r="G65" s="395" t="s">
        <v>964</v>
      </c>
      <c r="H65" s="394" t="s">
        <v>976</v>
      </c>
      <c r="I65" s="395" t="s">
        <v>67</v>
      </c>
      <c r="J65" s="395">
        <v>4</v>
      </c>
      <c r="K65" s="395" t="s">
        <v>68</v>
      </c>
      <c r="L65" s="407" t="s">
        <v>977</v>
      </c>
      <c r="M65" s="395" t="s">
        <v>978</v>
      </c>
      <c r="N65" s="394" t="s">
        <v>979</v>
      </c>
      <c r="O65" s="506">
        <v>6690</v>
      </c>
      <c r="P65" s="438" t="s">
        <v>1952</v>
      </c>
      <c r="Q65" s="438"/>
    </row>
    <row r="66" spans="1:17" s="41" customFormat="1" ht="50.15" customHeight="1">
      <c r="A66" s="53" t="s">
        <v>503</v>
      </c>
      <c r="B66" s="417" t="s">
        <v>525</v>
      </c>
      <c r="C66" s="418"/>
      <c r="D66" s="394" t="s">
        <v>983</v>
      </c>
      <c r="E66" s="395">
        <v>16</v>
      </c>
      <c r="F66" s="419">
        <v>128</v>
      </c>
      <c r="G66" s="395" t="s">
        <v>980</v>
      </c>
      <c r="H66" s="394" t="s">
        <v>976</v>
      </c>
      <c r="I66" s="395" t="s">
        <v>67</v>
      </c>
      <c r="J66" s="395">
        <v>4</v>
      </c>
      <c r="K66" s="395" t="s">
        <v>68</v>
      </c>
      <c r="L66" s="407" t="s">
        <v>977</v>
      </c>
      <c r="M66" s="395" t="s">
        <v>978</v>
      </c>
      <c r="N66" s="394" t="s">
        <v>981</v>
      </c>
      <c r="O66" s="506">
        <v>8848</v>
      </c>
      <c r="P66" s="438" t="s">
        <v>1952</v>
      </c>
      <c r="Q66" s="438"/>
    </row>
    <row r="67" spans="1:17" s="41" customFormat="1" ht="50.15" customHeight="1">
      <c r="A67" s="53" t="s">
        <v>892</v>
      </c>
      <c r="B67" s="391" t="s">
        <v>1392</v>
      </c>
      <c r="C67" s="420"/>
      <c r="D67" s="394" t="s">
        <v>517</v>
      </c>
      <c r="E67" s="395">
        <v>8</v>
      </c>
      <c r="F67" s="394" t="s">
        <v>67</v>
      </c>
      <c r="G67" s="391" t="s">
        <v>67</v>
      </c>
      <c r="H67" s="391" t="s">
        <v>67</v>
      </c>
      <c r="I67" s="395" t="s">
        <v>67</v>
      </c>
      <c r="J67" s="391" t="s">
        <v>67</v>
      </c>
      <c r="K67" s="391" t="s">
        <v>67</v>
      </c>
      <c r="L67" s="391" t="s">
        <v>67</v>
      </c>
      <c r="M67" s="395" t="s">
        <v>966</v>
      </c>
      <c r="N67" s="421" t="s">
        <v>1281</v>
      </c>
      <c r="O67" s="506">
        <v>2822</v>
      </c>
      <c r="P67" s="438" t="s">
        <v>1953</v>
      </c>
      <c r="Q67" s="438"/>
    </row>
    <row r="68" spans="1:17" s="41" customFormat="1" ht="50.15" customHeight="1">
      <c r="A68" s="53" t="s">
        <v>1447</v>
      </c>
      <c r="B68" s="391" t="s">
        <v>1448</v>
      </c>
      <c r="C68" s="420"/>
      <c r="D68" s="394" t="s">
        <v>518</v>
      </c>
      <c r="E68" s="395">
        <v>16</v>
      </c>
      <c r="F68" s="394" t="s">
        <v>67</v>
      </c>
      <c r="G68" s="391" t="s">
        <v>67</v>
      </c>
      <c r="H68" s="391" t="s">
        <v>67</v>
      </c>
      <c r="I68" s="395" t="s">
        <v>67</v>
      </c>
      <c r="J68" s="391" t="s">
        <v>67</v>
      </c>
      <c r="K68" s="391" t="s">
        <v>67</v>
      </c>
      <c r="L68" s="391" t="s">
        <v>67</v>
      </c>
      <c r="M68" s="395" t="s">
        <v>978</v>
      </c>
      <c r="N68" s="421" t="s">
        <v>1282</v>
      </c>
      <c r="O68" s="506">
        <v>5194</v>
      </c>
      <c r="P68" s="438" t="s">
        <v>1953</v>
      </c>
      <c r="Q68" s="438"/>
    </row>
    <row r="69" spans="1:17" s="41" customFormat="1" ht="50.15" customHeight="1">
      <c r="A69" s="53" t="s">
        <v>1447</v>
      </c>
      <c r="B69" s="422" t="s">
        <v>1449</v>
      </c>
      <c r="C69" s="420"/>
      <c r="D69" s="394" t="s">
        <v>519</v>
      </c>
      <c r="E69" s="395" t="s">
        <v>67</v>
      </c>
      <c r="F69" s="394" t="s">
        <v>67</v>
      </c>
      <c r="G69" s="391" t="s">
        <v>67</v>
      </c>
      <c r="H69" s="391" t="s">
        <v>67</v>
      </c>
      <c r="I69" s="395" t="s">
        <v>67</v>
      </c>
      <c r="J69" s="391" t="s">
        <v>67</v>
      </c>
      <c r="K69" s="391" t="s">
        <v>67</v>
      </c>
      <c r="L69" s="391" t="s">
        <v>67</v>
      </c>
      <c r="M69" s="395" t="s">
        <v>67</v>
      </c>
      <c r="N69" s="391" t="s">
        <v>1283</v>
      </c>
      <c r="O69" s="506">
        <v>902</v>
      </c>
      <c r="P69" s="438" t="s">
        <v>1953</v>
      </c>
      <c r="Q69" s="438"/>
    </row>
    <row r="70" spans="1:17" s="41" customFormat="1" ht="50.15" customHeight="1">
      <c r="A70" s="53" t="s">
        <v>892</v>
      </c>
      <c r="B70" s="422" t="s">
        <v>1878</v>
      </c>
      <c r="C70" s="423"/>
      <c r="D70" s="424"/>
      <c r="E70" s="425"/>
      <c r="F70" s="425"/>
      <c r="G70" s="424"/>
      <c r="H70" s="424"/>
      <c r="I70" s="424"/>
      <c r="J70" s="424"/>
      <c r="K70" s="424"/>
      <c r="L70" s="424"/>
      <c r="M70" s="424"/>
      <c r="N70" s="424"/>
      <c r="O70" s="506">
        <v>139</v>
      </c>
      <c r="P70" s="438" t="s">
        <v>1952</v>
      </c>
      <c r="Q70" s="438"/>
    </row>
    <row r="71" spans="1:17" s="41" customFormat="1" ht="50.15" customHeight="1">
      <c r="A71" s="53" t="s">
        <v>892</v>
      </c>
      <c r="B71" s="422" t="s">
        <v>1879</v>
      </c>
      <c r="C71" s="423"/>
      <c r="D71" s="424"/>
      <c r="E71" s="425"/>
      <c r="F71" s="425"/>
      <c r="G71" s="424"/>
      <c r="H71" s="424"/>
      <c r="I71" s="424"/>
      <c r="J71" s="424"/>
      <c r="K71" s="424"/>
      <c r="L71" s="424"/>
      <c r="M71" s="424"/>
      <c r="N71" s="424"/>
      <c r="O71" s="506">
        <v>18</v>
      </c>
      <c r="P71" s="438" t="s">
        <v>1952</v>
      </c>
      <c r="Q71" s="438"/>
    </row>
    <row r="72" spans="1:17" s="41" customFormat="1" ht="50.15" customHeight="1">
      <c r="A72" s="53" t="s">
        <v>892</v>
      </c>
      <c r="B72" s="422" t="s">
        <v>1880</v>
      </c>
      <c r="C72" s="423"/>
      <c r="D72" s="424"/>
      <c r="E72" s="425"/>
      <c r="F72" s="425"/>
      <c r="G72" s="424"/>
      <c r="H72" s="424"/>
      <c r="I72" s="424"/>
      <c r="J72" s="424"/>
      <c r="K72" s="424"/>
      <c r="L72" s="424"/>
      <c r="M72" s="424"/>
      <c r="N72" s="424"/>
      <c r="O72" s="506">
        <v>18</v>
      </c>
      <c r="P72" s="438" t="s">
        <v>1952</v>
      </c>
      <c r="Q72" s="438"/>
    </row>
    <row r="73" spans="1:17" s="44" customFormat="1" ht="50.15" customHeight="1">
      <c r="A73" s="53" t="s">
        <v>503</v>
      </c>
      <c r="B73" s="391" t="s">
        <v>1881</v>
      </c>
      <c r="C73" s="133"/>
      <c r="D73" s="394" t="s">
        <v>1015</v>
      </c>
      <c r="E73" s="203">
        <v>24</v>
      </c>
      <c r="F73" s="202">
        <v>128</v>
      </c>
      <c r="G73" s="422" t="s">
        <v>1010</v>
      </c>
      <c r="H73" s="309" t="s">
        <v>1011</v>
      </c>
      <c r="I73" s="395" t="s">
        <v>67</v>
      </c>
      <c r="J73" s="203">
        <v>4</v>
      </c>
      <c r="K73" s="395" t="s">
        <v>68</v>
      </c>
      <c r="L73" s="407" t="s">
        <v>977</v>
      </c>
      <c r="M73" s="395" t="s">
        <v>1012</v>
      </c>
      <c r="N73" s="310" t="s">
        <v>1013</v>
      </c>
      <c r="O73" s="506">
        <v>16186</v>
      </c>
      <c r="P73" s="365" t="s">
        <v>1953</v>
      </c>
      <c r="Q73" s="365"/>
    </row>
    <row r="74" spans="1:17" s="44" customFormat="1" ht="50.15" customHeight="1">
      <c r="A74" s="53" t="s">
        <v>503</v>
      </c>
      <c r="B74" s="391" t="s">
        <v>1882</v>
      </c>
      <c r="C74" s="139"/>
      <c r="D74" s="394" t="s">
        <v>1016</v>
      </c>
      <c r="E74" s="203">
        <v>24</v>
      </c>
      <c r="F74" s="202">
        <v>256</v>
      </c>
      <c r="G74" s="422" t="s">
        <v>1010</v>
      </c>
      <c r="H74" s="309" t="s">
        <v>1011</v>
      </c>
      <c r="I74" s="395" t="s">
        <v>67</v>
      </c>
      <c r="J74" s="203">
        <v>4</v>
      </c>
      <c r="K74" s="395" t="s">
        <v>68</v>
      </c>
      <c r="L74" s="407" t="s">
        <v>977</v>
      </c>
      <c r="M74" s="395" t="s">
        <v>1012</v>
      </c>
      <c r="N74" s="310" t="s">
        <v>1014</v>
      </c>
      <c r="O74" s="511">
        <v>19424</v>
      </c>
      <c r="P74" s="365" t="s">
        <v>1953</v>
      </c>
      <c r="Q74" s="365"/>
    </row>
    <row r="75" spans="1:17" ht="50.15" customHeight="1">
      <c r="A75" s="53" t="s">
        <v>892</v>
      </c>
      <c r="B75" s="391" t="s">
        <v>1393</v>
      </c>
      <c r="C75" s="420"/>
      <c r="D75" s="394" t="s">
        <v>519</v>
      </c>
      <c r="E75" s="395" t="s">
        <v>67</v>
      </c>
      <c r="F75" s="419" t="s">
        <v>67</v>
      </c>
      <c r="G75" s="422" t="s">
        <v>67</v>
      </c>
      <c r="H75" s="422" t="s">
        <v>67</v>
      </c>
      <c r="I75" s="395" t="s">
        <v>67</v>
      </c>
      <c r="J75" s="395" t="s">
        <v>67</v>
      </c>
      <c r="K75" s="419" t="s">
        <v>67</v>
      </c>
      <c r="L75" s="395" t="s">
        <v>67</v>
      </c>
      <c r="M75" s="395" t="s">
        <v>67</v>
      </c>
      <c r="N75" s="422" t="s">
        <v>67</v>
      </c>
      <c r="O75" s="506">
        <v>902</v>
      </c>
      <c r="P75" s="433" t="s">
        <v>1953</v>
      </c>
    </row>
  </sheetData>
  <autoFilter ref="A1:O75"/>
  <mergeCells count="21">
    <mergeCell ref="C73:C74"/>
    <mergeCell ref="C25:C26"/>
    <mergeCell ref="C19:C21"/>
    <mergeCell ref="C49:C50"/>
    <mergeCell ref="A63:N63"/>
    <mergeCell ref="A48:N48"/>
    <mergeCell ref="C51:C52"/>
    <mergeCell ref="C58:C62"/>
    <mergeCell ref="C37:C47"/>
    <mergeCell ref="C56:C57"/>
    <mergeCell ref="C53:C55"/>
    <mergeCell ref="C33:C34"/>
    <mergeCell ref="C31:C32"/>
    <mergeCell ref="C28:C30"/>
    <mergeCell ref="C22:C24"/>
    <mergeCell ref="A2:O2"/>
    <mergeCell ref="C3:C4"/>
    <mergeCell ref="C5:C6"/>
    <mergeCell ref="C11:C15"/>
    <mergeCell ref="C16:C18"/>
    <mergeCell ref="C7:C8"/>
  </mergeCells>
  <phoneticPr fontId="18" type="noConversion"/>
  <pageMargins left="0.7" right="0.7" top="0.75" bottom="0.75" header="0.3" footer="0.3"/>
  <pageSetup paperSize="9" orientation="portrait" r:id="rId1"/>
  <drawing r:id="rId2"/>
  <legacyDrawing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0"/>
  <sheetViews>
    <sheetView topLeftCell="A4" zoomScale="85" zoomScaleNormal="85" workbookViewId="0">
      <selection activeCell="R4" sqref="R4"/>
    </sheetView>
  </sheetViews>
  <sheetFormatPr defaultColWidth="9" defaultRowHeight="50.15" customHeight="1"/>
  <cols>
    <col min="1" max="1" width="16" style="36" bestFit="1" customWidth="1"/>
    <col min="2" max="2" width="23" style="36" bestFit="1" customWidth="1"/>
    <col min="3" max="3" width="23.08984375" style="36" customWidth="1"/>
    <col min="4" max="4" width="22" style="448" customWidth="1"/>
    <col min="5" max="5" width="12.90625" style="449" customWidth="1"/>
    <col min="6" max="6" width="14.453125" style="36" customWidth="1"/>
    <col min="7" max="7" width="11.7265625" style="36" customWidth="1"/>
    <col min="8" max="8" width="32.7265625" style="36" customWidth="1"/>
    <col min="9" max="9" width="15.1796875" style="449" customWidth="1"/>
    <col min="10" max="11" width="9" style="36" customWidth="1"/>
    <col min="12" max="12" width="8.08984375" style="36" customWidth="1"/>
    <col min="13" max="13" width="11.26953125" style="36" customWidth="1"/>
    <col min="14" max="14" width="13.36328125" style="501" customWidth="1"/>
    <col min="15" max="15" width="9" style="450"/>
    <col min="16" max="16384" width="9" style="36"/>
  </cols>
  <sheetData>
    <row r="1" spans="1:16" s="530" customFormat="1" ht="50.15" customHeight="1">
      <c r="A1" s="514" t="s">
        <v>1977</v>
      </c>
      <c r="B1" s="514" t="s">
        <v>1978</v>
      </c>
      <c r="C1" s="514" t="s">
        <v>1988</v>
      </c>
      <c r="D1" s="514" t="s">
        <v>1996</v>
      </c>
      <c r="E1" s="514" t="s">
        <v>160</v>
      </c>
      <c r="F1" s="514" t="s">
        <v>1997</v>
      </c>
      <c r="G1" s="514" t="s">
        <v>1998</v>
      </c>
      <c r="H1" s="514" t="s">
        <v>1999</v>
      </c>
      <c r="I1" s="531" t="s">
        <v>2001</v>
      </c>
      <c r="J1" s="514" t="s">
        <v>161</v>
      </c>
      <c r="K1" s="514" t="s">
        <v>162</v>
      </c>
      <c r="L1" s="514" t="s">
        <v>163</v>
      </c>
      <c r="M1" s="514" t="s">
        <v>6</v>
      </c>
      <c r="N1" s="499" t="s">
        <v>1956</v>
      </c>
      <c r="O1" s="532" t="s">
        <v>1960</v>
      </c>
      <c r="P1" s="533" t="s">
        <v>1961</v>
      </c>
    </row>
    <row r="2" spans="1:16" s="46" customFormat="1" ht="50.15" customHeight="1">
      <c r="A2" s="42" t="s">
        <v>1050</v>
      </c>
      <c r="B2" s="390" t="s">
        <v>1883</v>
      </c>
      <c r="C2" s="439"/>
      <c r="D2" s="440"/>
      <c r="E2" s="440"/>
      <c r="F2" s="440"/>
      <c r="G2" s="440"/>
      <c r="H2" s="440"/>
      <c r="I2" s="441"/>
      <c r="J2" s="440"/>
      <c r="K2" s="440"/>
      <c r="L2" s="440"/>
      <c r="M2" s="440"/>
      <c r="N2" s="503">
        <v>164</v>
      </c>
      <c r="O2" s="451" t="s">
        <v>1955</v>
      </c>
    </row>
    <row r="3" spans="1:16" s="46" customFormat="1" ht="50.15" customHeight="1">
      <c r="A3" s="42" t="s">
        <v>1050</v>
      </c>
      <c r="B3" s="390" t="s">
        <v>1795</v>
      </c>
      <c r="C3" s="439"/>
      <c r="D3" s="440"/>
      <c r="E3" s="440"/>
      <c r="F3" s="440"/>
      <c r="G3" s="440"/>
      <c r="H3" s="440"/>
      <c r="I3" s="441"/>
      <c r="J3" s="440"/>
      <c r="K3" s="440"/>
      <c r="L3" s="440"/>
      <c r="M3" s="440"/>
      <c r="N3" s="503">
        <v>208</v>
      </c>
      <c r="O3" s="451" t="s">
        <v>1955</v>
      </c>
    </row>
    <row r="4" spans="1:16" s="46" customFormat="1" ht="50.15" customHeight="1">
      <c r="A4" s="42" t="s">
        <v>1050</v>
      </c>
      <c r="B4" s="390" t="s">
        <v>1796</v>
      </c>
      <c r="C4" s="439"/>
      <c r="D4" s="440"/>
      <c r="E4" s="440"/>
      <c r="F4" s="440"/>
      <c r="G4" s="440"/>
      <c r="H4" s="440"/>
      <c r="I4" s="441"/>
      <c r="J4" s="440"/>
      <c r="K4" s="440"/>
      <c r="L4" s="440"/>
      <c r="M4" s="440"/>
      <c r="N4" s="503">
        <v>296</v>
      </c>
      <c r="O4" s="451" t="s">
        <v>1955</v>
      </c>
    </row>
    <row r="5" spans="1:16" s="46" customFormat="1" ht="82.5">
      <c r="A5" s="42" t="s">
        <v>1050</v>
      </c>
      <c r="B5" s="390" t="s">
        <v>1051</v>
      </c>
      <c r="C5" s="442"/>
      <c r="D5" s="325" t="s">
        <v>744</v>
      </c>
      <c r="E5" s="398">
        <v>1</v>
      </c>
      <c r="F5" s="241" t="s">
        <v>164</v>
      </c>
      <c r="G5" s="403" t="s">
        <v>745</v>
      </c>
      <c r="H5" s="325" t="s">
        <v>746</v>
      </c>
      <c r="I5" s="398">
        <v>1</v>
      </c>
      <c r="J5" s="241" t="s">
        <v>68</v>
      </c>
      <c r="K5" s="241" t="s">
        <v>67</v>
      </c>
      <c r="L5" s="241" t="s">
        <v>165</v>
      </c>
      <c r="M5" s="315" t="s">
        <v>1890</v>
      </c>
      <c r="N5" s="503">
        <v>175</v>
      </c>
      <c r="O5" s="451" t="s">
        <v>1952</v>
      </c>
    </row>
    <row r="6" spans="1:16" s="46" customFormat="1" ht="82.5">
      <c r="A6" s="42" t="s">
        <v>382</v>
      </c>
      <c r="B6" s="390" t="s">
        <v>1884</v>
      </c>
      <c r="C6" s="443"/>
      <c r="D6" s="325" t="s">
        <v>747</v>
      </c>
      <c r="E6" s="398">
        <v>1</v>
      </c>
      <c r="F6" s="241" t="s">
        <v>166</v>
      </c>
      <c r="G6" s="403" t="s">
        <v>535</v>
      </c>
      <c r="H6" s="325" t="s">
        <v>748</v>
      </c>
      <c r="I6" s="398">
        <v>1</v>
      </c>
      <c r="J6" s="241" t="s">
        <v>68</v>
      </c>
      <c r="K6" s="241" t="s">
        <v>67</v>
      </c>
      <c r="L6" s="241" t="s">
        <v>165</v>
      </c>
      <c r="M6" s="315" t="s">
        <v>1889</v>
      </c>
      <c r="N6" s="503">
        <v>219</v>
      </c>
      <c r="O6" s="451" t="s">
        <v>1952</v>
      </c>
    </row>
    <row r="7" spans="1:16" s="46" customFormat="1" ht="82.5">
      <c r="A7" s="203" t="s">
        <v>197</v>
      </c>
      <c r="B7" s="415" t="s">
        <v>1891</v>
      </c>
      <c r="C7" s="444"/>
      <c r="D7" s="394" t="s">
        <v>1855</v>
      </c>
      <c r="E7" s="398">
        <v>1</v>
      </c>
      <c r="F7" s="407" t="s">
        <v>168</v>
      </c>
      <c r="G7" s="391" t="s">
        <v>535</v>
      </c>
      <c r="H7" s="394" t="s">
        <v>927</v>
      </c>
      <c r="I7" s="392">
        <v>1</v>
      </c>
      <c r="J7" s="407" t="s">
        <v>68</v>
      </c>
      <c r="K7" s="407" t="s">
        <v>67</v>
      </c>
      <c r="L7" s="407" t="s">
        <v>165</v>
      </c>
      <c r="M7" s="309" t="s">
        <v>1888</v>
      </c>
      <c r="N7" s="503">
        <v>328</v>
      </c>
      <c r="O7" s="451" t="s">
        <v>1952</v>
      </c>
    </row>
    <row r="8" spans="1:16" s="446" customFormat="1" ht="115.5">
      <c r="A8" s="42" t="s">
        <v>382</v>
      </c>
      <c r="B8" s="390" t="s">
        <v>384</v>
      </c>
      <c r="C8" s="445"/>
      <c r="D8" s="336" t="s">
        <v>383</v>
      </c>
      <c r="E8" s="398">
        <v>1</v>
      </c>
      <c r="F8" s="241" t="s">
        <v>928</v>
      </c>
      <c r="G8" s="390" t="s">
        <v>450</v>
      </c>
      <c r="H8" s="336" t="s">
        <v>193</v>
      </c>
      <c r="I8" s="398">
        <v>1</v>
      </c>
      <c r="J8" s="241" t="s">
        <v>68</v>
      </c>
      <c r="K8" s="241" t="s">
        <v>67</v>
      </c>
      <c r="L8" s="241" t="s">
        <v>165</v>
      </c>
      <c r="M8" s="414" t="s">
        <v>1887</v>
      </c>
      <c r="N8" s="503">
        <v>169</v>
      </c>
      <c r="O8" s="452" t="s">
        <v>1952</v>
      </c>
    </row>
    <row r="9" spans="1:16" s="446" customFormat="1" ht="132">
      <c r="A9" s="42" t="s">
        <v>197</v>
      </c>
      <c r="B9" s="390" t="s">
        <v>1944</v>
      </c>
      <c r="C9" s="445"/>
      <c r="D9" s="336" t="s">
        <v>451</v>
      </c>
      <c r="E9" s="398">
        <v>1</v>
      </c>
      <c r="F9" s="241" t="s">
        <v>166</v>
      </c>
      <c r="G9" s="390" t="s">
        <v>452</v>
      </c>
      <c r="H9" s="336" t="s">
        <v>194</v>
      </c>
      <c r="I9" s="398">
        <v>1</v>
      </c>
      <c r="J9" s="241" t="s">
        <v>68</v>
      </c>
      <c r="K9" s="241" t="s">
        <v>67</v>
      </c>
      <c r="L9" s="241" t="s">
        <v>165</v>
      </c>
      <c r="M9" s="414" t="s">
        <v>1885</v>
      </c>
      <c r="N9" s="503">
        <v>294</v>
      </c>
      <c r="O9" s="452" t="s">
        <v>1952</v>
      </c>
    </row>
    <row r="10" spans="1:16" s="446" customFormat="1" ht="132">
      <c r="A10" s="42" t="s">
        <v>197</v>
      </c>
      <c r="B10" s="390" t="s">
        <v>453</v>
      </c>
      <c r="C10" s="447"/>
      <c r="D10" s="336" t="s">
        <v>454</v>
      </c>
      <c r="E10" s="398">
        <v>2</v>
      </c>
      <c r="F10" s="241" t="s">
        <v>166</v>
      </c>
      <c r="G10" s="390" t="s">
        <v>452</v>
      </c>
      <c r="H10" s="336" t="s">
        <v>195</v>
      </c>
      <c r="I10" s="398">
        <v>1</v>
      </c>
      <c r="J10" s="241" t="s">
        <v>68</v>
      </c>
      <c r="K10" s="241" t="s">
        <v>67</v>
      </c>
      <c r="L10" s="241" t="s">
        <v>165</v>
      </c>
      <c r="M10" s="414" t="s">
        <v>1886</v>
      </c>
      <c r="N10" s="503">
        <v>374</v>
      </c>
      <c r="O10" s="452" t="s">
        <v>1952</v>
      </c>
    </row>
  </sheetData>
  <autoFilter ref="A1:N10"/>
  <mergeCells count="1">
    <mergeCell ref="C8:C9"/>
  </mergeCells>
  <phoneticPr fontId="19" type="noConversion"/>
  <pageMargins left="0.7" right="0.7" top="0.75" bottom="0.75" header="0.3" footer="0.3"/>
  <pageSetup paperSize="9" orientation="portrait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I58"/>
  <sheetViews>
    <sheetView zoomScale="70" zoomScaleNormal="70" workbookViewId="0">
      <selection activeCell="F3" sqref="F3"/>
    </sheetView>
  </sheetViews>
  <sheetFormatPr defaultColWidth="9" defaultRowHeight="80.150000000000006" customHeight="1"/>
  <cols>
    <col min="1" max="1" width="16.7265625" style="61" bestFit="1" customWidth="1"/>
    <col min="2" max="2" width="51.7265625" style="61" customWidth="1"/>
    <col min="3" max="3" width="22" style="61" customWidth="1"/>
    <col min="4" max="4" width="22.36328125" style="67" customWidth="1"/>
    <col min="5" max="5" width="14.453125" style="520" customWidth="1"/>
    <col min="6" max="6" width="22.36328125" style="61" customWidth="1"/>
    <col min="7" max="7" width="18.7265625" style="111" customWidth="1"/>
    <col min="8" max="16384" width="9" style="61"/>
  </cols>
  <sheetData>
    <row r="1" spans="1:8" s="537" customFormat="1" ht="80.150000000000006" customHeight="1">
      <c r="A1" s="534" t="s">
        <v>1977</v>
      </c>
      <c r="B1" s="534" t="s">
        <v>1978</v>
      </c>
      <c r="C1" s="534" t="s">
        <v>1988</v>
      </c>
      <c r="D1" s="534" t="s">
        <v>1996</v>
      </c>
      <c r="E1" s="521" t="s">
        <v>1956</v>
      </c>
      <c r="F1" s="522" t="s">
        <v>1979</v>
      </c>
      <c r="G1" s="535" t="s">
        <v>1960</v>
      </c>
      <c r="H1" s="536" t="s">
        <v>1961</v>
      </c>
    </row>
    <row r="2" spans="1:8" s="453" customFormat="1" ht="80.150000000000006" customHeight="1">
      <c r="A2" s="455" t="s">
        <v>7</v>
      </c>
      <c r="B2" s="456" t="s">
        <v>749</v>
      </c>
      <c r="C2" s="457"/>
      <c r="D2" s="455" t="s">
        <v>493</v>
      </c>
      <c r="E2" s="518">
        <v>628</v>
      </c>
      <c r="F2" s="456" t="s">
        <v>1965</v>
      </c>
      <c r="G2" s="458" t="s">
        <v>1952</v>
      </c>
      <c r="H2" s="463" t="s">
        <v>1954</v>
      </c>
    </row>
    <row r="3" spans="1:8" s="453" customFormat="1" ht="80.150000000000006" customHeight="1">
      <c r="A3" s="455" t="s">
        <v>7</v>
      </c>
      <c r="B3" s="456" t="s">
        <v>750</v>
      </c>
      <c r="C3" s="457"/>
      <c r="D3" s="455" t="s">
        <v>493</v>
      </c>
      <c r="E3" s="518">
        <v>635</v>
      </c>
      <c r="F3" s="456" t="s">
        <v>1966</v>
      </c>
      <c r="G3" s="458" t="s">
        <v>1952</v>
      </c>
      <c r="H3" s="463" t="s">
        <v>1954</v>
      </c>
    </row>
    <row r="4" spans="1:8" s="454" customFormat="1" ht="80.150000000000006" customHeight="1">
      <c r="A4" s="455" t="s">
        <v>7</v>
      </c>
      <c r="B4" s="459" t="s">
        <v>564</v>
      </c>
      <c r="C4" s="460"/>
      <c r="D4" s="126" t="s">
        <v>493</v>
      </c>
      <c r="E4" s="517">
        <v>899</v>
      </c>
      <c r="F4" s="461" t="s">
        <v>1967</v>
      </c>
      <c r="G4" s="462" t="s">
        <v>1952</v>
      </c>
      <c r="H4" s="464" t="s">
        <v>1954</v>
      </c>
    </row>
    <row r="5" spans="1:8" s="454" customFormat="1" ht="80.150000000000006" customHeight="1">
      <c r="A5" s="455" t="s">
        <v>7</v>
      </c>
      <c r="B5" s="459" t="s">
        <v>523</v>
      </c>
      <c r="C5" s="460"/>
      <c r="D5" s="126" t="s">
        <v>493</v>
      </c>
      <c r="E5" s="517">
        <v>899</v>
      </c>
      <c r="F5" s="461" t="s">
        <v>1968</v>
      </c>
      <c r="G5" s="462" t="s">
        <v>1952</v>
      </c>
      <c r="H5" s="464" t="s">
        <v>1954</v>
      </c>
    </row>
    <row r="6" spans="1:8" s="65" customFormat="1" ht="80.150000000000006" customHeight="1">
      <c r="A6" s="62" t="s">
        <v>7</v>
      </c>
      <c r="B6" s="63" t="s">
        <v>761</v>
      </c>
      <c r="C6" s="110"/>
      <c r="D6" s="59" t="s">
        <v>492</v>
      </c>
      <c r="E6" s="519">
        <v>809</v>
      </c>
      <c r="F6" s="64" t="s">
        <v>1969</v>
      </c>
      <c r="G6" s="112" t="s">
        <v>1952</v>
      </c>
    </row>
    <row r="7" spans="1:8" s="65" customFormat="1" ht="80.150000000000006" customHeight="1">
      <c r="A7" s="62" t="s">
        <v>7</v>
      </c>
      <c r="B7" s="63" t="s">
        <v>531</v>
      </c>
      <c r="C7" s="110"/>
      <c r="D7" s="59" t="s">
        <v>492</v>
      </c>
      <c r="E7" s="519">
        <v>809</v>
      </c>
      <c r="F7" s="64" t="s">
        <v>1970</v>
      </c>
      <c r="G7" s="112" t="s">
        <v>1952</v>
      </c>
    </row>
    <row r="8" spans="1:8" s="65" customFormat="1" ht="80.150000000000006" customHeight="1">
      <c r="A8" s="62" t="s">
        <v>7</v>
      </c>
      <c r="B8" s="63" t="s">
        <v>751</v>
      </c>
      <c r="C8" s="66"/>
      <c r="D8" s="59" t="s">
        <v>492</v>
      </c>
      <c r="E8" s="519">
        <v>809</v>
      </c>
      <c r="F8" s="64" t="s">
        <v>1971</v>
      </c>
      <c r="G8" s="112" t="s">
        <v>1952</v>
      </c>
    </row>
    <row r="9" spans="1:8" s="68" customFormat="1" ht="80.150000000000006" customHeight="1">
      <c r="A9" s="62" t="s">
        <v>7</v>
      </c>
      <c r="B9" s="63" t="s">
        <v>1941</v>
      </c>
      <c r="C9" s="84"/>
      <c r="D9" s="59" t="s">
        <v>1659</v>
      </c>
      <c r="E9" s="519">
        <v>955</v>
      </c>
      <c r="F9" s="85" t="s">
        <v>1972</v>
      </c>
      <c r="G9" s="113" t="s">
        <v>1952</v>
      </c>
    </row>
    <row r="10" spans="1:8" s="68" customFormat="1" ht="80.150000000000006" customHeight="1">
      <c r="A10" s="62" t="s">
        <v>7</v>
      </c>
      <c r="B10" s="63" t="s">
        <v>1942</v>
      </c>
      <c r="C10" s="84"/>
      <c r="D10" s="59" t="s">
        <v>1660</v>
      </c>
      <c r="E10" s="519">
        <v>955</v>
      </c>
      <c r="F10" s="85" t="s">
        <v>1736</v>
      </c>
      <c r="G10" s="113" t="s">
        <v>1953</v>
      </c>
    </row>
    <row r="11" spans="1:8" s="68" customFormat="1" ht="80.150000000000006" customHeight="1">
      <c r="A11" s="62" t="s">
        <v>7</v>
      </c>
      <c r="B11" s="63" t="s">
        <v>1943</v>
      </c>
      <c r="C11" s="84"/>
      <c r="D11" s="59" t="s">
        <v>1660</v>
      </c>
      <c r="E11" s="519">
        <v>955</v>
      </c>
      <c r="F11" s="85" t="s">
        <v>1973</v>
      </c>
      <c r="G11" s="113" t="s">
        <v>1952</v>
      </c>
    </row>
    <row r="58" spans="4:4" ht="80.150000000000006" customHeight="1">
      <c r="D58" s="67" t="s">
        <v>752</v>
      </c>
    </row>
  </sheetData>
  <autoFilter ref="A1:F11"/>
  <mergeCells count="3">
    <mergeCell ref="C2:C3"/>
    <mergeCell ref="C4:C5"/>
    <mergeCell ref="C6:C7"/>
  </mergeCells>
  <phoneticPr fontId="31" type="noConversion"/>
  <pageMargins left="0.7" right="0.7" top="0.75" bottom="0.75" header="0.3" footer="0.3"/>
  <pageSetup paperSize="9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7"/>
  <sheetViews>
    <sheetView zoomScale="85" zoomScaleNormal="85" workbookViewId="0">
      <selection activeCell="E5" sqref="E5"/>
    </sheetView>
  </sheetViews>
  <sheetFormatPr defaultColWidth="9" defaultRowHeight="50.15" customHeight="1"/>
  <cols>
    <col min="1" max="1" width="27.90625" style="36" customWidth="1"/>
    <col min="2" max="2" width="29.26953125" style="36" bestFit="1" customWidth="1"/>
    <col min="3" max="3" width="38.453125" style="36" customWidth="1"/>
    <col min="4" max="4" width="62.1796875" style="448" customWidth="1"/>
    <col min="5" max="5" width="13.90625" style="36" customWidth="1"/>
    <col min="6" max="6" width="15.453125" style="526" customWidth="1"/>
    <col min="7" max="7" width="18.26953125" style="36" customWidth="1"/>
    <col min="8" max="16384" width="9" style="36"/>
  </cols>
  <sheetData>
    <row r="1" spans="1:7" s="40" customFormat="1" ht="50.15" customHeight="1">
      <c r="A1" s="486" t="s">
        <v>1977</v>
      </c>
      <c r="B1" s="486" t="s">
        <v>1978</v>
      </c>
      <c r="C1" s="486" t="s">
        <v>1988</v>
      </c>
      <c r="D1" s="487" t="s">
        <v>1989</v>
      </c>
      <c r="E1" s="486" t="s">
        <v>6</v>
      </c>
      <c r="F1" s="499" t="s">
        <v>1956</v>
      </c>
      <c r="G1" s="498" t="s">
        <v>1960</v>
      </c>
    </row>
    <row r="2" spans="1:7" s="39" customFormat="1" ht="16.5">
      <c r="A2" s="355" t="s">
        <v>520</v>
      </c>
      <c r="B2" s="356"/>
      <c r="C2" s="356"/>
      <c r="D2" s="469"/>
      <c r="E2" s="356"/>
      <c r="F2" s="500"/>
      <c r="G2" s="524"/>
    </row>
    <row r="3" spans="1:7" ht="50.15" customHeight="1">
      <c r="A3" s="53" t="s">
        <v>1480</v>
      </c>
      <c r="B3" s="53" t="s">
        <v>1581</v>
      </c>
      <c r="C3" s="53"/>
      <c r="D3" s="468" t="s">
        <v>1934</v>
      </c>
      <c r="E3" s="94" t="s">
        <v>1938</v>
      </c>
      <c r="F3" s="114">
        <v>4093</v>
      </c>
      <c r="G3" s="36" t="s">
        <v>1953</v>
      </c>
    </row>
    <row r="4" spans="1:7" ht="50.15" customHeight="1">
      <c r="A4" s="133" t="s">
        <v>1481</v>
      </c>
      <c r="B4" s="53" t="s">
        <v>1582</v>
      </c>
      <c r="C4" s="53"/>
      <c r="D4" s="468" t="s">
        <v>1935</v>
      </c>
      <c r="E4" s="94" t="s">
        <v>1939</v>
      </c>
      <c r="F4" s="114">
        <v>11373</v>
      </c>
      <c r="G4" s="36" t="s">
        <v>1953</v>
      </c>
    </row>
    <row r="5" spans="1:7" ht="50.15" customHeight="1">
      <c r="A5" s="199"/>
      <c r="B5" s="53" t="s">
        <v>1583</v>
      </c>
      <c r="C5" s="53"/>
      <c r="D5" s="468" t="s">
        <v>1584</v>
      </c>
      <c r="E5" s="94" t="s">
        <v>1281</v>
      </c>
      <c r="F5" s="114">
        <v>2842</v>
      </c>
      <c r="G5" s="36" t="s">
        <v>1953</v>
      </c>
    </row>
    <row r="6" spans="1:7" ht="50.15" customHeight="1">
      <c r="A6" s="199"/>
      <c r="B6" s="53" t="s">
        <v>1585</v>
      </c>
      <c r="C6" s="53"/>
      <c r="D6" s="468" t="s">
        <v>1936</v>
      </c>
      <c r="E6" s="94" t="s">
        <v>1282</v>
      </c>
      <c r="F6" s="114">
        <v>5231</v>
      </c>
      <c r="G6" s="36" t="s">
        <v>1953</v>
      </c>
    </row>
    <row r="7" spans="1:7" ht="50.15" customHeight="1">
      <c r="A7" s="139"/>
      <c r="B7" s="53" t="s">
        <v>1586</v>
      </c>
      <c r="C7" s="53"/>
      <c r="D7" s="468" t="s">
        <v>1587</v>
      </c>
      <c r="E7" s="94" t="s">
        <v>1283</v>
      </c>
      <c r="F7" s="114">
        <v>909</v>
      </c>
      <c r="G7" s="36" t="s">
        <v>1953</v>
      </c>
    </row>
    <row r="8" spans="1:7" ht="50.15" customHeight="1">
      <c r="A8" s="133" t="s">
        <v>1482</v>
      </c>
      <c r="B8" s="53" t="s">
        <v>1588</v>
      </c>
      <c r="C8" s="53"/>
      <c r="D8" s="468" t="s">
        <v>1589</v>
      </c>
      <c r="E8" s="94" t="s">
        <v>1940</v>
      </c>
      <c r="F8" s="114">
        <v>56867</v>
      </c>
      <c r="G8" s="36" t="s">
        <v>1953</v>
      </c>
    </row>
    <row r="9" spans="1:7" ht="50.15" customHeight="1">
      <c r="A9" s="139"/>
      <c r="B9" s="53" t="s">
        <v>1590</v>
      </c>
      <c r="C9" s="53"/>
      <c r="D9" s="468" t="s">
        <v>1937</v>
      </c>
      <c r="E9" s="465" t="s">
        <v>1910</v>
      </c>
      <c r="F9" s="114">
        <v>1136</v>
      </c>
      <c r="G9" s="36" t="s">
        <v>1953</v>
      </c>
    </row>
    <row r="10" spans="1:7" ht="16.5">
      <c r="A10" s="355" t="s">
        <v>1657</v>
      </c>
      <c r="B10" s="356"/>
      <c r="C10" s="356"/>
      <c r="D10" s="469"/>
      <c r="E10" s="356"/>
      <c r="F10" s="500"/>
      <c r="G10" s="292"/>
    </row>
    <row r="11" spans="1:7" ht="50.15" customHeight="1">
      <c r="A11" s="53" t="s">
        <v>1479</v>
      </c>
      <c r="B11" s="53" t="s">
        <v>1591</v>
      </c>
      <c r="C11" s="53"/>
      <c r="D11" s="138"/>
      <c r="E11" s="53" t="s">
        <v>1592</v>
      </c>
      <c r="F11" s="114">
        <v>3752</v>
      </c>
      <c r="G11" s="36" t="s">
        <v>1953</v>
      </c>
    </row>
    <row r="12" spans="1:7" ht="50.15" customHeight="1">
      <c r="A12" s="53" t="s">
        <v>1479</v>
      </c>
      <c r="B12" s="53" t="s">
        <v>1593</v>
      </c>
      <c r="C12" s="53"/>
      <c r="D12" s="138"/>
      <c r="E12" s="53" t="s">
        <v>1594</v>
      </c>
      <c r="F12" s="114">
        <v>4435</v>
      </c>
      <c r="G12" s="36" t="s">
        <v>1953</v>
      </c>
    </row>
    <row r="13" spans="1:7" ht="50.15" customHeight="1">
      <c r="A13" s="53" t="s">
        <v>1479</v>
      </c>
      <c r="B13" s="53" t="s">
        <v>1595</v>
      </c>
      <c r="C13" s="53"/>
      <c r="D13" s="138"/>
      <c r="E13" s="53" t="s">
        <v>1596</v>
      </c>
      <c r="F13" s="114">
        <v>5231</v>
      </c>
      <c r="G13" s="36" t="s">
        <v>1953</v>
      </c>
    </row>
    <row r="14" spans="1:7" ht="16.5">
      <c r="A14" s="355" t="s">
        <v>1478</v>
      </c>
      <c r="B14" s="356"/>
      <c r="C14" s="356"/>
      <c r="D14" s="469"/>
      <c r="E14" s="356"/>
      <c r="F14" s="500"/>
      <c r="G14" s="292"/>
    </row>
    <row r="15" spans="1:7" ht="50.15" customHeight="1">
      <c r="A15" s="53" t="s">
        <v>1478</v>
      </c>
      <c r="B15" s="53" t="s">
        <v>1597</v>
      </c>
      <c r="C15" s="133"/>
      <c r="D15" s="468" t="s">
        <v>1930</v>
      </c>
      <c r="E15" s="53"/>
      <c r="F15" s="114">
        <v>3866</v>
      </c>
      <c r="G15" s="36" t="s">
        <v>1953</v>
      </c>
    </row>
    <row r="16" spans="1:7" ht="50.15" customHeight="1">
      <c r="A16" s="53" t="s">
        <v>1478</v>
      </c>
      <c r="B16" s="53" t="s">
        <v>1598</v>
      </c>
      <c r="C16" s="199"/>
      <c r="D16" s="468" t="s">
        <v>1931</v>
      </c>
      <c r="E16" s="53"/>
      <c r="F16" s="114">
        <v>3070</v>
      </c>
      <c r="G16" s="36" t="s">
        <v>1953</v>
      </c>
    </row>
    <row r="17" spans="1:7" ht="50.15" customHeight="1">
      <c r="A17" s="53" t="s">
        <v>1478</v>
      </c>
      <c r="B17" s="53" t="s">
        <v>1599</v>
      </c>
      <c r="C17" s="199"/>
      <c r="D17" s="468" t="s">
        <v>1932</v>
      </c>
      <c r="E17" s="53"/>
      <c r="F17" s="114">
        <v>4548</v>
      </c>
      <c r="G17" s="36" t="s">
        <v>1953</v>
      </c>
    </row>
    <row r="18" spans="1:7" ht="50.15" customHeight="1">
      <c r="A18" s="53" t="s">
        <v>1478</v>
      </c>
      <c r="B18" s="53" t="s">
        <v>1600</v>
      </c>
      <c r="C18" s="139"/>
      <c r="D18" s="468" t="s">
        <v>1933</v>
      </c>
      <c r="E18" s="53"/>
      <c r="F18" s="114">
        <v>3752</v>
      </c>
      <c r="G18" s="36" t="s">
        <v>1953</v>
      </c>
    </row>
    <row r="19" spans="1:7" ht="16.5">
      <c r="A19" s="355" t="s">
        <v>1912</v>
      </c>
      <c r="B19" s="356"/>
      <c r="C19" s="356"/>
      <c r="D19" s="469"/>
      <c r="E19" s="356"/>
      <c r="F19" s="500"/>
      <c r="G19" s="292"/>
    </row>
    <row r="20" spans="1:7" s="46" customFormat="1" ht="50.15" customHeight="1">
      <c r="A20" s="53" t="s">
        <v>1483</v>
      </c>
      <c r="B20" s="53" t="s">
        <v>1601</v>
      </c>
      <c r="C20" s="53"/>
      <c r="D20" s="468" t="s">
        <v>1919</v>
      </c>
      <c r="E20" s="53" t="s">
        <v>1602</v>
      </c>
      <c r="F20" s="114">
        <v>5686</v>
      </c>
      <c r="G20" s="46" t="s">
        <v>1953</v>
      </c>
    </row>
    <row r="21" spans="1:7" ht="50.15" customHeight="1">
      <c r="A21" s="53" t="s">
        <v>1483</v>
      </c>
      <c r="B21" s="53" t="s">
        <v>1603</v>
      </c>
      <c r="C21" s="53"/>
      <c r="D21" s="468" t="s">
        <v>1920</v>
      </c>
      <c r="E21" s="53" t="s">
        <v>1604</v>
      </c>
      <c r="F21" s="114">
        <v>7960</v>
      </c>
      <c r="G21" s="36" t="s">
        <v>1953</v>
      </c>
    </row>
    <row r="22" spans="1:7" ht="50.15" customHeight="1">
      <c r="A22" s="53" t="s">
        <v>1483</v>
      </c>
      <c r="B22" s="53" t="s">
        <v>1605</v>
      </c>
      <c r="C22" s="53"/>
      <c r="D22" s="468" t="s">
        <v>1921</v>
      </c>
      <c r="E22" s="53" t="s">
        <v>1606</v>
      </c>
      <c r="F22" s="114">
        <v>10235</v>
      </c>
      <c r="G22" s="36" t="s">
        <v>1953</v>
      </c>
    </row>
    <row r="23" spans="1:7" ht="50.15" customHeight="1">
      <c r="A23" s="53" t="s">
        <v>1483</v>
      </c>
      <c r="B23" s="53" t="s">
        <v>1607</v>
      </c>
      <c r="C23" s="53"/>
      <c r="D23" s="468" t="s">
        <v>1922</v>
      </c>
      <c r="E23" s="53" t="s">
        <v>1608</v>
      </c>
      <c r="F23" s="114">
        <v>12510</v>
      </c>
      <c r="G23" s="36" t="s">
        <v>1953</v>
      </c>
    </row>
    <row r="24" spans="1:7" ht="50.15" customHeight="1">
      <c r="A24" s="53" t="s">
        <v>1483</v>
      </c>
      <c r="B24" s="53" t="s">
        <v>1609</v>
      </c>
      <c r="C24" s="53"/>
      <c r="D24" s="468" t="s">
        <v>1923</v>
      </c>
      <c r="E24" s="53" t="s">
        <v>1610</v>
      </c>
      <c r="F24" s="114">
        <v>15922</v>
      </c>
      <c r="G24" s="36" t="s">
        <v>1953</v>
      </c>
    </row>
    <row r="25" spans="1:7" ht="50.15" customHeight="1">
      <c r="A25" s="53" t="s">
        <v>1611</v>
      </c>
      <c r="B25" s="53" t="s">
        <v>1612</v>
      </c>
      <c r="C25" s="53"/>
      <c r="D25" s="468" t="s">
        <v>1924</v>
      </c>
      <c r="E25" s="53" t="s">
        <v>1613</v>
      </c>
      <c r="F25" s="114">
        <v>34120</v>
      </c>
      <c r="G25" s="36" t="s">
        <v>1953</v>
      </c>
    </row>
    <row r="26" spans="1:7" ht="50.15" customHeight="1">
      <c r="A26" s="53" t="s">
        <v>1483</v>
      </c>
      <c r="B26" s="53" t="s">
        <v>1614</v>
      </c>
      <c r="C26" s="53"/>
      <c r="D26" s="468" t="s">
        <v>1925</v>
      </c>
      <c r="E26" s="53" t="s">
        <v>1615</v>
      </c>
      <c r="F26" s="114">
        <v>56867</v>
      </c>
      <c r="G26" s="36" t="s">
        <v>1953</v>
      </c>
    </row>
    <row r="27" spans="1:7" ht="50.15" customHeight="1">
      <c r="A27" s="53" t="s">
        <v>1483</v>
      </c>
      <c r="B27" s="53" t="s">
        <v>1616</v>
      </c>
      <c r="C27" s="53"/>
      <c r="D27" s="468" t="s">
        <v>1926</v>
      </c>
      <c r="E27" s="53" t="s">
        <v>1617</v>
      </c>
      <c r="F27" s="114">
        <v>45494</v>
      </c>
      <c r="G27" s="36" t="s">
        <v>1953</v>
      </c>
    </row>
    <row r="28" spans="1:7" ht="50.15" customHeight="1">
      <c r="A28" s="53" t="s">
        <v>1483</v>
      </c>
      <c r="B28" s="53" t="s">
        <v>1618</v>
      </c>
      <c r="C28" s="53"/>
      <c r="D28" s="468" t="s">
        <v>1927</v>
      </c>
      <c r="E28" s="53" t="s">
        <v>1619</v>
      </c>
      <c r="F28" s="114">
        <v>68241</v>
      </c>
      <c r="G28" s="36" t="s">
        <v>1953</v>
      </c>
    </row>
    <row r="29" spans="1:7" ht="50.15" customHeight="1">
      <c r="A29" s="53" t="s">
        <v>1483</v>
      </c>
      <c r="B29" s="53" t="s">
        <v>1620</v>
      </c>
      <c r="C29" s="53"/>
      <c r="D29" s="468" t="s">
        <v>1928</v>
      </c>
      <c r="E29" s="53" t="s">
        <v>1621</v>
      </c>
      <c r="F29" s="114">
        <v>71653</v>
      </c>
      <c r="G29" s="36" t="s">
        <v>1953</v>
      </c>
    </row>
    <row r="30" spans="1:7" ht="50.15" customHeight="1">
      <c r="A30" s="53" t="s">
        <v>1483</v>
      </c>
      <c r="B30" s="53" t="s">
        <v>1622</v>
      </c>
      <c r="C30" s="53"/>
      <c r="D30" s="468" t="s">
        <v>1929</v>
      </c>
      <c r="E30" s="53" t="s">
        <v>1623</v>
      </c>
      <c r="F30" s="114">
        <v>90989</v>
      </c>
      <c r="G30" s="36" t="s">
        <v>1953</v>
      </c>
    </row>
    <row r="31" spans="1:7" s="93" customFormat="1" ht="16.5">
      <c r="A31" s="466" t="s">
        <v>1911</v>
      </c>
      <c r="B31" s="467"/>
      <c r="C31" s="467"/>
      <c r="D31" s="467"/>
      <c r="E31" s="467"/>
      <c r="F31" s="525"/>
      <c r="G31" s="523"/>
    </row>
    <row r="32" spans="1:7" ht="50.15" customHeight="1">
      <c r="A32" s="53" t="s">
        <v>1484</v>
      </c>
      <c r="B32" s="53" t="s">
        <v>1624</v>
      </c>
      <c r="C32" s="53"/>
      <c r="D32" s="468" t="s">
        <v>1913</v>
      </c>
      <c r="E32" s="53" t="s">
        <v>1625</v>
      </c>
      <c r="F32" s="114">
        <v>17059</v>
      </c>
      <c r="G32" s="36" t="s">
        <v>1953</v>
      </c>
    </row>
    <row r="33" spans="1:7" ht="50.15" customHeight="1">
      <c r="A33" s="53" t="s">
        <v>1484</v>
      </c>
      <c r="B33" s="53" t="s">
        <v>1626</v>
      </c>
      <c r="C33" s="53"/>
      <c r="D33" s="468" t="s">
        <v>1914</v>
      </c>
      <c r="E33" s="53" t="s">
        <v>1627</v>
      </c>
      <c r="F33" s="114">
        <v>26158</v>
      </c>
      <c r="G33" s="36" t="s">
        <v>1953</v>
      </c>
    </row>
    <row r="34" spans="1:7" ht="50.15" customHeight="1">
      <c r="A34" s="53" t="s">
        <v>1484</v>
      </c>
      <c r="B34" s="53" t="s">
        <v>1628</v>
      </c>
      <c r="C34" s="53"/>
      <c r="D34" s="468" t="s">
        <v>1915</v>
      </c>
      <c r="E34" s="53" t="s">
        <v>1629</v>
      </c>
      <c r="F34" s="114">
        <v>21609</v>
      </c>
      <c r="G34" s="36" t="s">
        <v>1953</v>
      </c>
    </row>
    <row r="35" spans="1:7" ht="50.15" customHeight="1">
      <c r="A35" s="53" t="s">
        <v>1484</v>
      </c>
      <c r="B35" s="53" t="s">
        <v>1630</v>
      </c>
      <c r="C35" s="53"/>
      <c r="D35" s="468" t="s">
        <v>1916</v>
      </c>
      <c r="E35" s="53" t="s">
        <v>1631</v>
      </c>
      <c r="F35" s="114">
        <v>32983</v>
      </c>
      <c r="G35" s="36" t="s">
        <v>1953</v>
      </c>
    </row>
    <row r="36" spans="1:7" ht="50.15" customHeight="1">
      <c r="A36" s="53" t="s">
        <v>1484</v>
      </c>
      <c r="B36" s="53" t="s">
        <v>1632</v>
      </c>
      <c r="C36" s="53"/>
      <c r="D36" s="468" t="s">
        <v>1917</v>
      </c>
      <c r="E36" s="53" t="s">
        <v>1633</v>
      </c>
      <c r="F36" s="114">
        <v>35257</v>
      </c>
      <c r="G36" s="36" t="s">
        <v>1953</v>
      </c>
    </row>
    <row r="37" spans="1:7" ht="50.15" customHeight="1">
      <c r="A37" s="53" t="s">
        <v>1484</v>
      </c>
      <c r="B37" s="53" t="s">
        <v>1634</v>
      </c>
      <c r="C37" s="53"/>
      <c r="D37" s="468" t="s">
        <v>1918</v>
      </c>
      <c r="E37" s="53" t="s">
        <v>1635</v>
      </c>
      <c r="F37" s="114">
        <v>44356</v>
      </c>
      <c r="G37" s="36" t="s">
        <v>1953</v>
      </c>
    </row>
  </sheetData>
  <autoFilter ref="A1:F37"/>
  <mergeCells count="3">
    <mergeCell ref="A4:A7"/>
    <mergeCell ref="A8:A9"/>
    <mergeCell ref="C15:C18"/>
  </mergeCells>
  <phoneticPr fontId="21" type="noConversion"/>
  <hyperlinks>
    <hyperlink ref="B36" r:id="rId1"/>
  </hyperlinks>
  <pageMargins left="0.7" right="0.7" top="0.75" bottom="0.75" header="0.3" footer="0.3"/>
  <pageSetup paperSize="9" orientation="portrait" horizontalDpi="4294967293" verticalDpi="0" r:id="rId2"/>
  <drawing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65"/>
  <sheetViews>
    <sheetView zoomScale="85" zoomScaleNormal="85" workbookViewId="0">
      <selection activeCell="G22" sqref="G22"/>
    </sheetView>
  </sheetViews>
  <sheetFormatPr defaultColWidth="9" defaultRowHeight="80.150000000000006" customHeight="1"/>
  <cols>
    <col min="1" max="1" width="22.453125" style="73" bestFit="1" customWidth="1"/>
    <col min="2" max="2" width="39.36328125" style="73" customWidth="1"/>
    <col min="3" max="3" width="15.6328125" style="73" customWidth="1"/>
    <col min="4" max="4" width="11.7265625" style="470" bestFit="1" customWidth="1"/>
    <col min="5" max="16384" width="9" style="73"/>
  </cols>
  <sheetData>
    <row r="1" spans="1:4" s="70" customFormat="1" ht="16.5">
      <c r="A1" s="542" t="s">
        <v>1977</v>
      </c>
      <c r="B1" s="542" t="s">
        <v>1978</v>
      </c>
      <c r="C1" s="542" t="s">
        <v>6</v>
      </c>
      <c r="D1" s="541" t="s">
        <v>1956</v>
      </c>
    </row>
    <row r="2" spans="1:4" s="540" customFormat="1" ht="16.5">
      <c r="A2" s="98" t="s">
        <v>890</v>
      </c>
      <c r="B2" s="538"/>
      <c r="C2" s="538"/>
      <c r="D2" s="539"/>
    </row>
    <row r="3" spans="1:4" s="72" customFormat="1" ht="16.5">
      <c r="A3" s="71" t="s">
        <v>222</v>
      </c>
      <c r="B3" s="71" t="s">
        <v>762</v>
      </c>
      <c r="C3" s="71" t="s">
        <v>825</v>
      </c>
      <c r="D3" s="471">
        <v>66.5</v>
      </c>
    </row>
    <row r="4" spans="1:4" ht="16.5">
      <c r="A4" s="71" t="s">
        <v>222</v>
      </c>
      <c r="B4" s="71" t="s">
        <v>763</v>
      </c>
      <c r="C4" s="71" t="s">
        <v>826</v>
      </c>
      <c r="D4" s="470">
        <v>104.7</v>
      </c>
    </row>
    <row r="5" spans="1:4" ht="16.5">
      <c r="A5" s="71" t="s">
        <v>222</v>
      </c>
      <c r="B5" s="71" t="s">
        <v>764</v>
      </c>
      <c r="C5" s="71" t="s">
        <v>827</v>
      </c>
      <c r="D5" s="470">
        <v>162.9</v>
      </c>
    </row>
    <row r="6" spans="1:4" s="72" customFormat="1" ht="16.5">
      <c r="A6" s="71" t="s">
        <v>222</v>
      </c>
      <c r="B6" s="71" t="s">
        <v>765</v>
      </c>
      <c r="C6" s="71" t="s">
        <v>828</v>
      </c>
      <c r="D6" s="471">
        <v>160.69999999999999</v>
      </c>
    </row>
    <row r="7" spans="1:4" ht="16.5">
      <c r="A7" s="71" t="s">
        <v>222</v>
      </c>
      <c r="B7" s="71" t="s">
        <v>766</v>
      </c>
      <c r="C7" s="71" t="s">
        <v>829</v>
      </c>
      <c r="D7" s="470">
        <v>238.2</v>
      </c>
    </row>
    <row r="8" spans="1:4" ht="16.5">
      <c r="A8" s="71" t="s">
        <v>222</v>
      </c>
      <c r="B8" s="71" t="s">
        <v>767</v>
      </c>
      <c r="C8" s="71" t="s">
        <v>830</v>
      </c>
      <c r="D8" s="470">
        <v>260.39999999999998</v>
      </c>
    </row>
    <row r="9" spans="1:4" s="72" customFormat="1" ht="16.5">
      <c r="A9" s="71" t="s">
        <v>222</v>
      </c>
      <c r="B9" s="71" t="s">
        <v>768</v>
      </c>
      <c r="C9" s="71" t="s">
        <v>831</v>
      </c>
      <c r="D9" s="471">
        <v>250.1</v>
      </c>
    </row>
    <row r="10" spans="1:4" ht="16.5">
      <c r="A10" s="71" t="s">
        <v>222</v>
      </c>
      <c r="B10" s="71" t="s">
        <v>769</v>
      </c>
      <c r="C10" s="71" t="s">
        <v>832</v>
      </c>
      <c r="D10" s="470">
        <v>75.599999999999994</v>
      </c>
    </row>
    <row r="11" spans="1:4" ht="16.5">
      <c r="A11" s="71" t="s">
        <v>222</v>
      </c>
      <c r="B11" s="71" t="s">
        <v>770</v>
      </c>
      <c r="C11" s="71" t="s">
        <v>833</v>
      </c>
      <c r="D11" s="470">
        <v>30.5</v>
      </c>
    </row>
    <row r="12" spans="1:4" s="72" customFormat="1" ht="16.5">
      <c r="A12" s="71" t="s">
        <v>222</v>
      </c>
      <c r="B12" s="71" t="s">
        <v>771</v>
      </c>
      <c r="C12" s="71" t="s">
        <v>834</v>
      </c>
      <c r="D12" s="471">
        <v>36</v>
      </c>
    </row>
    <row r="13" spans="1:4" ht="16.5">
      <c r="A13" s="71" t="s">
        <v>222</v>
      </c>
      <c r="B13" s="71" t="s">
        <v>772</v>
      </c>
      <c r="C13" s="71" t="s">
        <v>835</v>
      </c>
      <c r="D13" s="470">
        <v>30.5</v>
      </c>
    </row>
    <row r="14" spans="1:4" ht="16.5">
      <c r="A14" s="71" t="s">
        <v>222</v>
      </c>
      <c r="B14" s="71" t="s">
        <v>773</v>
      </c>
      <c r="C14" s="71" t="s">
        <v>836</v>
      </c>
      <c r="D14" s="470">
        <v>58.2</v>
      </c>
    </row>
    <row r="15" spans="1:4" s="72" customFormat="1" ht="16.5">
      <c r="A15" s="71" t="s">
        <v>222</v>
      </c>
      <c r="B15" s="71" t="s">
        <v>774</v>
      </c>
      <c r="C15" s="71" t="s">
        <v>837</v>
      </c>
      <c r="D15" s="471">
        <v>74.8</v>
      </c>
    </row>
    <row r="16" spans="1:4" ht="16.5">
      <c r="A16" s="71" t="s">
        <v>222</v>
      </c>
      <c r="B16" s="71" t="s">
        <v>775</v>
      </c>
      <c r="C16" s="71" t="s">
        <v>838</v>
      </c>
      <c r="D16" s="470">
        <v>24.9</v>
      </c>
    </row>
    <row r="17" spans="1:4" ht="16.5">
      <c r="A17" s="71" t="s">
        <v>222</v>
      </c>
      <c r="B17" s="71" t="s">
        <v>776</v>
      </c>
      <c r="C17" s="71" t="s">
        <v>839</v>
      </c>
      <c r="D17" s="470">
        <v>33.200000000000003</v>
      </c>
    </row>
    <row r="18" spans="1:4" s="72" customFormat="1" ht="16.5">
      <c r="A18" s="71" t="s">
        <v>222</v>
      </c>
      <c r="B18" s="71" t="s">
        <v>777</v>
      </c>
      <c r="C18" s="71" t="s">
        <v>840</v>
      </c>
      <c r="D18" s="471">
        <v>33.200000000000003</v>
      </c>
    </row>
    <row r="19" spans="1:4" ht="16.5">
      <c r="A19" s="71" t="s">
        <v>222</v>
      </c>
      <c r="B19" s="71" t="s">
        <v>778</v>
      </c>
      <c r="C19" s="71" t="s">
        <v>841</v>
      </c>
      <c r="D19" s="470">
        <v>72</v>
      </c>
    </row>
    <row r="20" spans="1:4" ht="16.5">
      <c r="A20" s="71" t="s">
        <v>222</v>
      </c>
      <c r="B20" s="71" t="s">
        <v>779</v>
      </c>
      <c r="C20" s="71" t="s">
        <v>842</v>
      </c>
      <c r="D20" s="470">
        <v>22.2</v>
      </c>
    </row>
    <row r="21" spans="1:4" s="72" customFormat="1" ht="16.5">
      <c r="A21" s="71" t="s">
        <v>222</v>
      </c>
      <c r="B21" s="71" t="s">
        <v>780</v>
      </c>
      <c r="C21" s="71" t="s">
        <v>843</v>
      </c>
      <c r="D21" s="471">
        <v>49.9</v>
      </c>
    </row>
    <row r="22" spans="1:4" ht="16.5">
      <c r="A22" s="71" t="s">
        <v>222</v>
      </c>
      <c r="B22" s="71" t="s">
        <v>781</v>
      </c>
      <c r="C22" s="71" t="s">
        <v>844</v>
      </c>
      <c r="D22" s="470">
        <v>55.4</v>
      </c>
    </row>
    <row r="23" spans="1:4" ht="16.5">
      <c r="A23" s="71" t="s">
        <v>222</v>
      </c>
      <c r="B23" s="71" t="s">
        <v>782</v>
      </c>
      <c r="C23" s="71" t="s">
        <v>845</v>
      </c>
      <c r="D23" s="470">
        <v>83.1</v>
      </c>
    </row>
    <row r="24" spans="1:4" s="72" customFormat="1" ht="16.5">
      <c r="A24" s="71" t="s">
        <v>222</v>
      </c>
      <c r="B24" s="71" t="s">
        <v>783</v>
      </c>
      <c r="C24" s="71" t="s">
        <v>846</v>
      </c>
      <c r="D24" s="471">
        <v>55.4</v>
      </c>
    </row>
    <row r="25" spans="1:4" ht="16.5">
      <c r="A25" s="71" t="s">
        <v>222</v>
      </c>
      <c r="B25" s="71" t="s">
        <v>784</v>
      </c>
      <c r="C25" s="71" t="s">
        <v>847</v>
      </c>
      <c r="D25" s="470">
        <v>88.6</v>
      </c>
    </row>
    <row r="26" spans="1:4" ht="16.5">
      <c r="A26" s="71" t="s">
        <v>222</v>
      </c>
      <c r="B26" s="71" t="s">
        <v>785</v>
      </c>
      <c r="C26" s="71" t="s">
        <v>848</v>
      </c>
      <c r="D26" s="470">
        <v>33.200000000000003</v>
      </c>
    </row>
    <row r="27" spans="1:4" s="72" customFormat="1" ht="16.5">
      <c r="A27" s="71" t="s">
        <v>222</v>
      </c>
      <c r="B27" s="71" t="s">
        <v>786</v>
      </c>
      <c r="C27" s="71" t="s">
        <v>849</v>
      </c>
      <c r="D27" s="471">
        <v>216.1</v>
      </c>
    </row>
    <row r="28" spans="1:4" ht="16.5">
      <c r="A28" s="71" t="s">
        <v>222</v>
      </c>
      <c r="B28" s="71" t="s">
        <v>787</v>
      </c>
      <c r="C28" s="71" t="s">
        <v>850</v>
      </c>
      <c r="D28" s="470">
        <v>27.7</v>
      </c>
    </row>
    <row r="29" spans="1:4" ht="16.5">
      <c r="A29" s="71" t="s">
        <v>222</v>
      </c>
      <c r="B29" s="71" t="s">
        <v>788</v>
      </c>
      <c r="C29" s="71" t="s">
        <v>851</v>
      </c>
      <c r="D29" s="470">
        <v>55.4</v>
      </c>
    </row>
    <row r="30" spans="1:4" s="72" customFormat="1" ht="16.5">
      <c r="A30" s="71" t="s">
        <v>222</v>
      </c>
      <c r="B30" s="71" t="s">
        <v>789</v>
      </c>
      <c r="C30" s="71" t="s">
        <v>852</v>
      </c>
      <c r="D30" s="471">
        <v>22.2</v>
      </c>
    </row>
    <row r="31" spans="1:4" ht="16.5">
      <c r="A31" s="71" t="s">
        <v>222</v>
      </c>
      <c r="B31" s="71" t="s">
        <v>790</v>
      </c>
      <c r="C31" s="71" t="s">
        <v>853</v>
      </c>
      <c r="D31" s="470">
        <v>11.1</v>
      </c>
    </row>
    <row r="32" spans="1:4" ht="16.5">
      <c r="A32" s="71" t="s">
        <v>222</v>
      </c>
      <c r="B32" s="71" t="s">
        <v>791</v>
      </c>
      <c r="C32" s="71" t="s">
        <v>854</v>
      </c>
      <c r="D32" s="470">
        <v>38.799999999999997</v>
      </c>
    </row>
    <row r="33" spans="1:4" s="72" customFormat="1" ht="16.5">
      <c r="A33" s="71" t="s">
        <v>222</v>
      </c>
      <c r="B33" s="71" t="s">
        <v>792</v>
      </c>
      <c r="C33" s="71" t="s">
        <v>855</v>
      </c>
      <c r="D33" s="471">
        <v>83.1</v>
      </c>
    </row>
    <row r="34" spans="1:4" ht="16.5">
      <c r="A34" s="71" t="s">
        <v>222</v>
      </c>
      <c r="B34" s="71" t="s">
        <v>793</v>
      </c>
      <c r="C34" s="71" t="s">
        <v>856</v>
      </c>
      <c r="D34" s="470">
        <v>27.7</v>
      </c>
    </row>
    <row r="35" spans="1:4" ht="16.5">
      <c r="A35" s="71" t="s">
        <v>222</v>
      </c>
      <c r="B35" s="71" t="s">
        <v>794</v>
      </c>
      <c r="C35" s="71" t="s">
        <v>857</v>
      </c>
      <c r="D35" s="470">
        <v>38.799999999999997</v>
      </c>
    </row>
    <row r="36" spans="1:4" s="72" customFormat="1" ht="16.5">
      <c r="A36" s="71" t="s">
        <v>222</v>
      </c>
      <c r="B36" s="71" t="s">
        <v>795</v>
      </c>
      <c r="C36" s="71" t="s">
        <v>858</v>
      </c>
      <c r="D36" s="471">
        <v>49.9</v>
      </c>
    </row>
    <row r="37" spans="1:4" ht="16.5">
      <c r="A37" s="71" t="s">
        <v>222</v>
      </c>
      <c r="B37" s="71" t="s">
        <v>796</v>
      </c>
      <c r="C37" s="71" t="s">
        <v>859</v>
      </c>
      <c r="D37" s="470">
        <v>33.200000000000003</v>
      </c>
    </row>
    <row r="38" spans="1:4" ht="16.5">
      <c r="A38" s="71" t="s">
        <v>222</v>
      </c>
      <c r="B38" s="71" t="s">
        <v>797</v>
      </c>
      <c r="C38" s="71" t="s">
        <v>860</v>
      </c>
      <c r="D38" s="470">
        <v>33.200000000000003</v>
      </c>
    </row>
    <row r="39" spans="1:4" s="72" customFormat="1" ht="16.5">
      <c r="A39" s="71" t="s">
        <v>222</v>
      </c>
      <c r="B39" s="71" t="s">
        <v>798</v>
      </c>
      <c r="C39" s="71" t="s">
        <v>861</v>
      </c>
      <c r="D39" s="471">
        <v>66.5</v>
      </c>
    </row>
    <row r="40" spans="1:4" ht="16.5">
      <c r="A40" s="71" t="s">
        <v>222</v>
      </c>
      <c r="B40" s="71" t="s">
        <v>799</v>
      </c>
      <c r="C40" s="71" t="s">
        <v>862</v>
      </c>
      <c r="D40" s="470">
        <v>38.799999999999997</v>
      </c>
    </row>
    <row r="41" spans="1:4" ht="16.5">
      <c r="A41" s="71" t="s">
        <v>222</v>
      </c>
      <c r="B41" s="71" t="s">
        <v>800</v>
      </c>
      <c r="C41" s="71" t="s">
        <v>863</v>
      </c>
      <c r="D41" s="470">
        <v>49.9</v>
      </c>
    </row>
    <row r="42" spans="1:4" s="72" customFormat="1" ht="16.5">
      <c r="A42" s="71" t="s">
        <v>222</v>
      </c>
      <c r="B42" s="71" t="s">
        <v>801</v>
      </c>
      <c r="C42" s="71" t="s">
        <v>864</v>
      </c>
      <c r="D42" s="471">
        <v>83.1</v>
      </c>
    </row>
    <row r="43" spans="1:4" ht="16.5">
      <c r="A43" s="71" t="s">
        <v>222</v>
      </c>
      <c r="B43" s="71" t="s">
        <v>802</v>
      </c>
      <c r="C43" s="71" t="s">
        <v>865</v>
      </c>
      <c r="D43" s="470">
        <v>177.3</v>
      </c>
    </row>
    <row r="44" spans="1:4" ht="16.5">
      <c r="A44" s="71" t="s">
        <v>222</v>
      </c>
      <c r="B44" s="71" t="s">
        <v>803</v>
      </c>
      <c r="C44" s="71" t="s">
        <v>866</v>
      </c>
      <c r="D44" s="470">
        <v>38.799999999999997</v>
      </c>
    </row>
    <row r="45" spans="1:4" s="72" customFormat="1" ht="16.5">
      <c r="A45" s="71" t="s">
        <v>222</v>
      </c>
      <c r="B45" s="71" t="s">
        <v>804</v>
      </c>
      <c r="C45" s="71" t="s">
        <v>867</v>
      </c>
      <c r="D45" s="470">
        <v>38.799999999999997</v>
      </c>
    </row>
    <row r="46" spans="1:4" ht="16.5">
      <c r="A46" s="71" t="s">
        <v>222</v>
      </c>
      <c r="B46" s="71" t="s">
        <v>805</v>
      </c>
      <c r="C46" s="71" t="s">
        <v>868</v>
      </c>
      <c r="D46" s="470">
        <v>38.799999999999997</v>
      </c>
    </row>
    <row r="47" spans="1:4" ht="16.5">
      <c r="A47" s="71" t="s">
        <v>222</v>
      </c>
      <c r="B47" s="71" t="s">
        <v>806</v>
      </c>
      <c r="C47" s="71" t="s">
        <v>869</v>
      </c>
      <c r="D47" s="470">
        <v>38.799999999999997</v>
      </c>
    </row>
    <row r="48" spans="1:4" s="72" customFormat="1" ht="16.5">
      <c r="A48" s="71" t="s">
        <v>222</v>
      </c>
      <c r="B48" s="71" t="s">
        <v>807</v>
      </c>
      <c r="C48" s="71" t="s">
        <v>870</v>
      </c>
      <c r="D48" s="471">
        <v>33.200000000000003</v>
      </c>
    </row>
    <row r="49" spans="1:4" ht="16.5">
      <c r="A49" s="71" t="s">
        <v>222</v>
      </c>
      <c r="B49" s="71" t="s">
        <v>808</v>
      </c>
      <c r="C49" s="71" t="s">
        <v>871</v>
      </c>
      <c r="D49" s="470">
        <v>8.3000000000000007</v>
      </c>
    </row>
    <row r="50" spans="1:4" ht="16.5">
      <c r="A50" s="71" t="s">
        <v>222</v>
      </c>
      <c r="B50" s="71" t="s">
        <v>809</v>
      </c>
      <c r="C50" s="71" t="s">
        <v>872</v>
      </c>
      <c r="D50" s="470">
        <v>16.600000000000001</v>
      </c>
    </row>
    <row r="51" spans="1:4" s="72" customFormat="1" ht="16.5">
      <c r="A51" s="71" t="s">
        <v>222</v>
      </c>
      <c r="B51" s="71" t="s">
        <v>810</v>
      </c>
      <c r="C51" s="71" t="s">
        <v>873</v>
      </c>
      <c r="D51" s="471">
        <v>49.9</v>
      </c>
    </row>
    <row r="52" spans="1:4" ht="16.5">
      <c r="A52" s="71" t="s">
        <v>222</v>
      </c>
      <c r="B52" s="71" t="s">
        <v>811</v>
      </c>
      <c r="C52" s="71" t="s">
        <v>874</v>
      </c>
      <c r="D52" s="470">
        <v>77.599999999999994</v>
      </c>
    </row>
    <row r="53" spans="1:4" ht="16.5">
      <c r="A53" s="71" t="s">
        <v>222</v>
      </c>
      <c r="B53" s="71" t="s">
        <v>812</v>
      </c>
      <c r="C53" s="71" t="s">
        <v>875</v>
      </c>
      <c r="D53" s="470">
        <v>44.3</v>
      </c>
    </row>
    <row r="54" spans="1:4" s="72" customFormat="1" ht="16.5">
      <c r="A54" s="71" t="s">
        <v>222</v>
      </c>
      <c r="B54" s="71" t="s">
        <v>813</v>
      </c>
      <c r="C54" s="71" t="s">
        <v>876</v>
      </c>
      <c r="D54" s="471">
        <v>38.799999999999997</v>
      </c>
    </row>
    <row r="55" spans="1:4" ht="16.5">
      <c r="A55" s="71" t="s">
        <v>222</v>
      </c>
      <c r="B55" s="71" t="s">
        <v>814</v>
      </c>
      <c r="C55" s="71" t="s">
        <v>877</v>
      </c>
      <c r="D55" s="470">
        <v>27.7</v>
      </c>
    </row>
    <row r="56" spans="1:4" ht="16.5">
      <c r="A56" s="71" t="s">
        <v>222</v>
      </c>
      <c r="B56" s="71" t="s">
        <v>815</v>
      </c>
      <c r="C56" s="71" t="s">
        <v>878</v>
      </c>
      <c r="D56" s="470">
        <v>16.600000000000001</v>
      </c>
    </row>
    <row r="57" spans="1:4" s="72" customFormat="1" ht="16.5">
      <c r="A57" s="71" t="s">
        <v>222</v>
      </c>
      <c r="B57" s="71" t="s">
        <v>816</v>
      </c>
      <c r="C57" s="71" t="s">
        <v>879</v>
      </c>
      <c r="D57" s="471">
        <v>27.7</v>
      </c>
    </row>
    <row r="58" spans="1:4" ht="16.5">
      <c r="A58" s="71" t="s">
        <v>222</v>
      </c>
      <c r="B58" s="71" t="s">
        <v>817</v>
      </c>
      <c r="C58" s="71" t="s">
        <v>880</v>
      </c>
      <c r="D58" s="470">
        <v>33.200000000000003</v>
      </c>
    </row>
    <row r="59" spans="1:4" ht="16.5">
      <c r="A59" s="71" t="s">
        <v>222</v>
      </c>
      <c r="B59" s="71" t="s">
        <v>818</v>
      </c>
      <c r="C59" s="71" t="s">
        <v>881</v>
      </c>
      <c r="D59" s="470">
        <v>55.4</v>
      </c>
    </row>
    <row r="60" spans="1:4" s="72" customFormat="1" ht="16.5">
      <c r="A60" s="71" t="s">
        <v>222</v>
      </c>
      <c r="B60" s="71" t="s">
        <v>819</v>
      </c>
      <c r="C60" s="71" t="s">
        <v>882</v>
      </c>
      <c r="D60" s="471">
        <v>128</v>
      </c>
    </row>
    <row r="61" spans="1:4" ht="16.5">
      <c r="A61" s="71" t="s">
        <v>222</v>
      </c>
      <c r="B61" s="71" t="s">
        <v>820</v>
      </c>
      <c r="C61" s="71" t="s">
        <v>883</v>
      </c>
      <c r="D61" s="470">
        <v>60.9</v>
      </c>
    </row>
    <row r="62" spans="1:4" ht="16.5">
      <c r="A62" s="71" t="s">
        <v>222</v>
      </c>
      <c r="B62" s="71" t="s">
        <v>821</v>
      </c>
      <c r="C62" s="71" t="s">
        <v>884</v>
      </c>
      <c r="D62" s="470">
        <v>105.3</v>
      </c>
    </row>
    <row r="63" spans="1:4" s="72" customFormat="1" ht="16.5">
      <c r="A63" s="71" t="s">
        <v>222</v>
      </c>
      <c r="B63" s="71" t="s">
        <v>822</v>
      </c>
      <c r="C63" s="71" t="s">
        <v>885</v>
      </c>
      <c r="D63" s="471">
        <v>128</v>
      </c>
    </row>
    <row r="64" spans="1:4" ht="16.5">
      <c r="A64" s="71" t="s">
        <v>222</v>
      </c>
      <c r="B64" s="71" t="s">
        <v>823</v>
      </c>
      <c r="C64" s="71" t="s">
        <v>886</v>
      </c>
      <c r="D64" s="470">
        <v>523.5</v>
      </c>
    </row>
    <row r="65" spans="1:4" ht="16.5">
      <c r="A65" s="71" t="s">
        <v>222</v>
      </c>
      <c r="B65" s="71" t="s">
        <v>824</v>
      </c>
      <c r="C65" s="71" t="s">
        <v>887</v>
      </c>
      <c r="D65" s="470">
        <v>5.5</v>
      </c>
    </row>
  </sheetData>
  <phoneticPr fontId="31" type="noConversion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ogli di lavoro</vt:lpstr>
      </vt:variant>
      <vt:variant>
        <vt:i4>14</vt:i4>
      </vt:variant>
      <vt:variant>
        <vt:lpstr>Intervalli denominati</vt:lpstr>
      </vt:variant>
      <vt:variant>
        <vt:i4>1</vt:i4>
      </vt:variant>
    </vt:vector>
  </HeadingPairs>
  <TitlesOfParts>
    <vt:vector size="15" baseType="lpstr">
      <vt:lpstr>LEGENDA</vt:lpstr>
      <vt:lpstr>HD</vt:lpstr>
      <vt:lpstr>IPC</vt:lpstr>
      <vt:lpstr>PTZ</vt:lpstr>
      <vt:lpstr>NVR</vt:lpstr>
      <vt:lpstr>XVR</vt:lpstr>
      <vt:lpstr>NVR KIT</vt:lpstr>
      <vt:lpstr>VMS</vt:lpstr>
      <vt:lpstr>Accessori</vt:lpstr>
      <vt:lpstr>Network</vt:lpstr>
      <vt:lpstr>Controllo Accessi</vt:lpstr>
      <vt:lpstr>Condizioni di Vendita</vt:lpstr>
      <vt:lpstr>Accessory</vt:lpstr>
      <vt:lpstr>!PTZ Dome</vt:lpstr>
      <vt:lpstr>IPC!output</vt:lpstr>
    </vt:vector>
  </TitlesOfParts>
  <Company>UNIVIEW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niview</dc:creator>
  <cp:lastModifiedBy>Fabio Cavalleri - Advanced Innovations Srl</cp:lastModifiedBy>
  <cp:lastPrinted>2019-07-31T06:02:48Z</cp:lastPrinted>
  <dcterms:created xsi:type="dcterms:W3CDTF">2014-01-09T03:17:00Z</dcterms:created>
  <dcterms:modified xsi:type="dcterms:W3CDTF">2022-08-02T08:19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7520</vt:lpwstr>
  </property>
</Properties>
</file>